
<file path=[Content_Types].xml><?xml version="1.0" encoding="utf-8"?>
<Types xmlns="http://schemas.openxmlformats.org/package/2006/content-types">
  <Default Extension="png" ContentType="image/png"/>
  <Default Extension="jpeg" ContentType="image/jpeg"/>
  <Default Extension="emf" ContentType="image/x-emf"/>
  <Default Extension="m4a" ContentType="audio/mp4"/>
  <Default Extension="rels" ContentType="application/vnd.openxmlformats-package.relationships+xml"/>
  <Default Extension="xml" ContentType="application/xml"/>
  <Default Extension="tiff" ContentType="image/tiff"/>
  <Default Extension="jpg" ContentType="image/jpeg"/>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bookmarkIdSeed="3">
  <p:sldMasterIdLst>
    <p:sldMasterId id="2147483648" r:id="rId4"/>
  </p:sldMasterIdLst>
  <p:notesMasterIdLst>
    <p:notesMasterId r:id="rId12"/>
  </p:notesMasterIdLst>
  <p:handoutMasterIdLst>
    <p:handoutMasterId r:id="rId13"/>
  </p:handoutMasterIdLst>
  <p:sldIdLst>
    <p:sldId id="257" r:id="rId5"/>
    <p:sldId id="291" r:id="rId6"/>
    <p:sldId id="296" r:id="rId7"/>
    <p:sldId id="273" r:id="rId8"/>
    <p:sldId id="292" r:id="rId9"/>
    <p:sldId id="274" r:id="rId10"/>
    <p:sldId id="294" r:id="rId1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0"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B18F"/>
    <a:srgbClr val="64CBE8"/>
    <a:srgbClr val="5F6369"/>
    <a:srgbClr val="D7D8D6"/>
    <a:srgbClr val="D5D0CA"/>
    <a:srgbClr val="BEB7B3"/>
    <a:srgbClr val="4B2884"/>
    <a:srgbClr val="00437B"/>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F2D41AF-8F55-4AD8-8553-4CB7655F1BEA}" v="41" dt="2020-05-13T13:57:59.677"/>
    <p1510:client id="{3AC515ED-4238-496B-B92D-0B2929F48162}" v="434" dt="2020-05-14T12:24:29.398"/>
    <p1510:client id="{7BDCF8E0-735A-4E27-9ABB-D34203D8E933}" v="188" dt="2020-05-13T00:53:44.528"/>
    <p1510:client id="{98E1ACE9-2040-4DBD-83C3-17A767088AF5}" v="61" dt="2020-05-15T00:41:47.948"/>
    <p1510:client id="{AB967B7B-E07A-4374-9EBC-C77BCFE3BEBF}" v="153" dt="2020-05-13T01:12:02.575"/>
    <p1510:client id="{F9EEF4CD-D236-45DD-8930-33B09613C950}" v="145" dt="2020-05-13T02:10:58.40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85664" autoAdjust="0"/>
  </p:normalViewPr>
  <p:slideViewPr>
    <p:cSldViewPr snapToGrid="0">
      <p:cViewPr varScale="1">
        <p:scale>
          <a:sx n="99" d="100"/>
          <a:sy n="99" d="100"/>
        </p:scale>
        <p:origin x="996" y="78"/>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handoutMaster" Target="handoutMasters/handoutMaster1.xml"/><Relationship Id="rId18" Type="http://schemas.openxmlformats.org/officeDocument/2006/relationships/tableStyles" Target="tableStyle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notesMaster" Target="notesMasters/notesMaster1.xml"/><Relationship Id="rId17"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presProps" Target="presProps.xml"/><Relationship Id="rId10" Type="http://schemas.openxmlformats.org/officeDocument/2006/relationships/slide" Target="slides/slide6.xml"/><Relationship Id="rId19" Type="http://schemas.microsoft.com/office/2015/10/relationships/revisionInfo" Target="revisionInfo.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commentAuthors" Target="commentAuthor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dirty="0"/>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4/06/2021</a:t>
            </a:fld>
            <a:endParaRPr lang="en-GB" dirty="0"/>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4/06/2021</a:t>
            </a:fld>
            <a:endParaRPr lang="en-GB" dirty="0"/>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dirty="0"/>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1" dirty="0">
              <a:solidFill>
                <a:srgbClr val="00B18F"/>
              </a:solidFill>
              <a:highlight>
                <a:srgbClr val="00FF00"/>
              </a:highlight>
            </a:endParaRPr>
          </a:p>
          <a:p>
            <a:endParaRPr lang="en-AU" b="1" dirty="0">
              <a:solidFill>
                <a:srgbClr val="00B18F"/>
              </a:solidFill>
              <a:highlight>
                <a:srgbClr val="00FF00"/>
              </a:highlight>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dirty="0"/>
          </a:p>
        </p:txBody>
      </p:sp>
    </p:spTree>
    <p:extLst>
      <p:ext uri="{BB962C8B-B14F-4D97-AF65-F5344CB8AC3E}">
        <p14:creationId xmlns:p14="http://schemas.microsoft.com/office/powerpoint/2010/main" val="381799265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AU" b="0" dirty="0">
              <a:solidFill>
                <a:srgbClr val="00B18F"/>
              </a:solidFill>
              <a:highlight>
                <a:srgbClr val="00FF00"/>
              </a:highlight>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AU" b="0" dirty="0">
                <a:solidFill>
                  <a:srgbClr val="00B18F"/>
                </a:solidFill>
                <a:highlight>
                  <a:srgbClr val="00FF00"/>
                </a:highlight>
              </a:rPr>
              <a:t>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AU" b="0" dirty="0">
              <a:solidFill>
                <a:srgbClr val="00B18F"/>
              </a:solidFill>
              <a:highlight>
                <a:srgbClr val="00FF00"/>
              </a:highlight>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dirty="0"/>
          </a:p>
        </p:txBody>
      </p:sp>
    </p:spTree>
    <p:extLst>
      <p:ext uri="{BB962C8B-B14F-4D97-AF65-F5344CB8AC3E}">
        <p14:creationId xmlns:p14="http://schemas.microsoft.com/office/powerpoint/2010/main" val="333112118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dirty="0"/>
          </a:p>
        </p:txBody>
      </p:sp>
    </p:spTree>
    <p:extLst>
      <p:ext uri="{BB962C8B-B14F-4D97-AF65-F5344CB8AC3E}">
        <p14:creationId xmlns:p14="http://schemas.microsoft.com/office/powerpoint/2010/main" val="310007894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17153434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76636251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15679605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dirty="0"/>
          </a:p>
        </p:txBody>
      </p:sp>
    </p:spTree>
    <p:extLst>
      <p:ext uri="{BB962C8B-B14F-4D97-AF65-F5344CB8AC3E}">
        <p14:creationId xmlns:p14="http://schemas.microsoft.com/office/powerpoint/2010/main" val="314197818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rontpage A">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13935" y="425727"/>
            <a:ext cx="11343090"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Shape 33">
            <a:extLst>
              <a:ext uri="{FF2B5EF4-FFF2-40B4-BE49-F238E27FC236}">
                <a16:creationId xmlns:a16="http://schemas.microsoft.com/office/drawing/2014/main" id="{91C0615E-42C5-4CC5-8EAA-142AF88A9949}"/>
              </a:ext>
            </a:extLst>
          </p:cNvPr>
          <p:cNvSpPr>
            <a:spLocks/>
          </p:cNvSpPr>
          <p:nvPr userDrawn="1"/>
        </p:nvSpPr>
        <p:spPr bwMode="auto">
          <a:xfrm>
            <a:off x="6766530" y="1024744"/>
            <a:ext cx="5425471" cy="4077704"/>
          </a:xfrm>
          <a:custGeom>
            <a:avLst/>
            <a:gdLst>
              <a:gd name="connsiteX0" fmla="*/ 3248540 w 5425471"/>
              <a:gd name="connsiteY0" fmla="*/ 0 h 4077704"/>
              <a:gd name="connsiteX1" fmla="*/ 5301777 w 5425471"/>
              <a:gd name="connsiteY1" fmla="*/ 0 h 4077704"/>
              <a:gd name="connsiteX2" fmla="*/ 5425471 w 5425471"/>
              <a:gd name="connsiteY2" fmla="*/ 0 h 4077704"/>
              <a:gd name="connsiteX3" fmla="*/ 5425471 w 5425471"/>
              <a:gd name="connsiteY3" fmla="*/ 2443670 h 4077704"/>
              <a:gd name="connsiteX4" fmla="*/ 5239839 w 5425471"/>
              <a:gd name="connsiteY4" fmla="*/ 2443670 h 4077704"/>
              <a:gd name="connsiteX5" fmla="*/ 3652289 w 5425471"/>
              <a:gd name="connsiteY5" fmla="*/ 2443670 h 4077704"/>
              <a:gd name="connsiteX6" fmla="*/ 3307466 w 5425471"/>
              <a:gd name="connsiteY6" fmla="*/ 2586773 h 4077704"/>
              <a:gd name="connsiteX7" fmla="*/ 2582900 w 5425471"/>
              <a:gd name="connsiteY7" fmla="*/ 3312118 h 4077704"/>
              <a:gd name="connsiteX8" fmla="*/ 2439952 w 5425471"/>
              <a:gd name="connsiteY8" fmla="*/ 3657312 h 4077704"/>
              <a:gd name="connsiteX9" fmla="*/ 2439952 w 5425471"/>
              <a:gd name="connsiteY9" fmla="*/ 4008583 h 4077704"/>
              <a:gd name="connsiteX10" fmla="*/ 2439952 w 5425471"/>
              <a:gd name="connsiteY10" fmla="*/ 4077704 h 4077704"/>
              <a:gd name="connsiteX11" fmla="*/ 0 w 5425471"/>
              <a:gd name="connsiteY11" fmla="*/ 4077704 h 4077704"/>
              <a:gd name="connsiteX12" fmla="*/ 0 w 5425471"/>
              <a:gd name="connsiteY12" fmla="*/ 4069415 h 4077704"/>
              <a:gd name="connsiteX13" fmla="*/ 0 w 5425471"/>
              <a:gd name="connsiteY13" fmla="*/ 3253129 h 4077704"/>
              <a:gd name="connsiteX14" fmla="*/ 571796 w 5425471"/>
              <a:gd name="connsiteY14" fmla="*/ 1871259 h 4077704"/>
              <a:gd name="connsiteX15" fmla="*/ 1868156 w 5425471"/>
              <a:gd name="connsiteY15" fmla="*/ 572411 h 4077704"/>
              <a:gd name="connsiteX16" fmla="*/ 3248540 w 5425471"/>
              <a:gd name="connsiteY16" fmla="*/ 0 h 4077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425471" h="4077704">
                <a:moveTo>
                  <a:pt x="3248540" y="0"/>
                </a:moveTo>
                <a:cubicBezTo>
                  <a:pt x="3248540" y="0"/>
                  <a:pt x="3248540" y="0"/>
                  <a:pt x="5301777" y="0"/>
                </a:cubicBezTo>
                <a:lnTo>
                  <a:pt x="5425471" y="0"/>
                </a:lnTo>
                <a:lnTo>
                  <a:pt x="5425471" y="2443670"/>
                </a:lnTo>
                <a:lnTo>
                  <a:pt x="5239839" y="2443670"/>
                </a:lnTo>
                <a:cubicBezTo>
                  <a:pt x="4815991" y="2443670"/>
                  <a:pt x="4294331" y="2443670"/>
                  <a:pt x="3652289" y="2443670"/>
                </a:cubicBezTo>
                <a:cubicBezTo>
                  <a:pt x="3523526" y="2443670"/>
                  <a:pt x="3399128" y="2495012"/>
                  <a:pt x="3307466" y="2586773"/>
                </a:cubicBezTo>
                <a:cubicBezTo>
                  <a:pt x="3307466" y="2586773"/>
                  <a:pt x="3307466" y="2586773"/>
                  <a:pt x="2582900" y="3312118"/>
                </a:cubicBezTo>
                <a:cubicBezTo>
                  <a:pt x="2491238" y="3403878"/>
                  <a:pt x="2439952" y="3527318"/>
                  <a:pt x="2439952" y="3657312"/>
                </a:cubicBezTo>
                <a:cubicBezTo>
                  <a:pt x="2439952" y="3657312"/>
                  <a:pt x="2439952" y="3657312"/>
                  <a:pt x="2439952" y="4008583"/>
                </a:cubicBezTo>
                <a:lnTo>
                  <a:pt x="2439952" y="4077704"/>
                </a:lnTo>
                <a:lnTo>
                  <a:pt x="0" y="4077704"/>
                </a:lnTo>
                <a:lnTo>
                  <a:pt x="0" y="4069415"/>
                </a:lnTo>
                <a:cubicBezTo>
                  <a:pt x="0" y="3952803"/>
                  <a:pt x="0" y="3719578"/>
                  <a:pt x="0" y="3253129"/>
                </a:cubicBezTo>
                <a:cubicBezTo>
                  <a:pt x="0" y="2734245"/>
                  <a:pt x="205148" y="2237209"/>
                  <a:pt x="571796" y="1871259"/>
                </a:cubicBezTo>
                <a:cubicBezTo>
                  <a:pt x="571796" y="1871259"/>
                  <a:pt x="571796" y="1871259"/>
                  <a:pt x="1868156" y="572411"/>
                </a:cubicBezTo>
                <a:cubicBezTo>
                  <a:pt x="2233712" y="206461"/>
                  <a:pt x="2731306" y="0"/>
                  <a:pt x="3248540"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0" name="Freeform 5">
            <a:extLst>
              <a:ext uri="{FF2B5EF4-FFF2-40B4-BE49-F238E27FC236}">
                <a16:creationId xmlns:a16="http://schemas.microsoft.com/office/drawing/2014/main" id="{F8DCEFDA-89EA-408A-BCA7-BA793C88B63B}"/>
              </a:ext>
            </a:extLst>
          </p:cNvPr>
          <p:cNvSpPr>
            <a:spLocks/>
          </p:cNvSpPr>
          <p:nvPr userDrawn="1"/>
        </p:nvSpPr>
        <p:spPr bwMode="auto">
          <a:xfrm>
            <a:off x="-10865"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Title 1"/>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12" name="Text Placeholder 11">
            <a:extLst>
              <a:ext uri="{FF2B5EF4-FFF2-40B4-BE49-F238E27FC236}">
                <a16:creationId xmlns:a16="http://schemas.microsoft.com/office/drawing/2014/main" id="{204B0DEF-6B05-458B-AA4C-DB37181841ED}"/>
              </a:ext>
            </a:extLst>
          </p:cNvPr>
          <p:cNvSpPr>
            <a:spLocks noGrp="1"/>
          </p:cNvSpPr>
          <p:nvPr>
            <p:ph type="body" sz="quarter" idx="13" hasCustomPrompt="1"/>
          </p:nvPr>
        </p:nvSpPr>
        <p:spPr>
          <a:xfrm>
            <a:off x="1203928" y="2844800"/>
            <a:ext cx="5425471"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TextBox 12">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Picture 14">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379064116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Frontpage J">
    <p:bg>
      <p:bgPr>
        <a:solidFill>
          <a:srgbClr val="BEB7B3"/>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84774"/>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chemeClr val="bg1"/>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8" name="Rectangle 7">
            <a:extLst>
              <a:ext uri="{FF2B5EF4-FFF2-40B4-BE49-F238E27FC236}">
                <a16:creationId xmlns:a16="http://schemas.microsoft.com/office/drawing/2014/main" id="{BE634FAA-0CDD-4A55-AB43-ABEF2D898F90}"/>
              </a:ext>
            </a:extLst>
          </p:cNvPr>
          <p:cNvSpPr/>
          <p:nvPr userDrawn="1"/>
        </p:nvSpPr>
        <p:spPr>
          <a:xfrm>
            <a:off x="450850" y="381000"/>
            <a:ext cx="11306176" cy="311150"/>
          </a:xfrm>
          <a:prstGeom prst="rect">
            <a:avLst/>
          </a:prstGeom>
          <a:solidFill>
            <a:srgbClr val="BEB7B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 name="Date_GeneralDate" hidden="1"/>
          <p:cNvSpPr>
            <a:spLocks noGrp="1"/>
          </p:cNvSpPr>
          <p:nvPr>
            <p:ph type="dt" sz="half" idx="10"/>
          </p:nvPr>
        </p:nvSpPr>
        <p:spPr/>
        <p:txBody>
          <a:bodyPr/>
          <a:lstStyle/>
          <a:p>
            <a:endParaRPr lang="en-GB" dirty="0"/>
          </a:p>
        </p:txBody>
      </p:sp>
      <p:sp>
        <p:nvSpPr>
          <p:cNvPr id="12" name="Slide Number Placeholder 5">
            <a:extLst>
              <a:ext uri="{FF2B5EF4-FFF2-40B4-BE49-F238E27FC236}">
                <a16:creationId xmlns:a16="http://schemas.microsoft.com/office/drawing/2014/main" id="{4EDD99AE-18D2-D449-9A60-9888C891CFB5}"/>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3" name="Text Placeholder 11">
            <a:extLst>
              <a:ext uri="{FF2B5EF4-FFF2-40B4-BE49-F238E27FC236}">
                <a16:creationId xmlns:a16="http://schemas.microsoft.com/office/drawing/2014/main" id="{37102867-4F39-954B-AEDE-8EDF01F32884}"/>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2432442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Frontpage K">
    <p:bg>
      <p:bgPr>
        <a:solidFill>
          <a:srgbClr val="71004B"/>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93815"/>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chemeClr val="bg1"/>
          </a:solidFill>
          <a:ln>
            <a:noFill/>
          </a:ln>
        </p:spPr>
        <p:txBody>
          <a:bodyPr vert="horz" wrap="square" lIns="91440" tIns="45720" rIns="91440" bIns="45720" numCol="1" anchor="t" anchorCtr="0" compatLnSpc="1">
            <a:prstTxWarp prst="textNoShape">
              <a:avLst/>
            </a:prstTxWarp>
            <a:noAutofit/>
          </a:bodyPr>
          <a:lstStyle/>
          <a:p>
            <a:endParaRPr lang="en-GB" dirty="0"/>
          </a:p>
        </p:txBody>
      </p:sp>
      <p:cxnSp>
        <p:nvCxnSpPr>
          <p:cNvPr id="16" name="Straight Connector 15">
            <a:extLst>
              <a:ext uri="{FF2B5EF4-FFF2-40B4-BE49-F238E27FC236}">
                <a16:creationId xmlns:a16="http://schemas.microsoft.com/office/drawing/2014/main" id="{B34F8FDB-5D64-4517-9630-DF03631A742B}"/>
              </a:ext>
            </a:extLst>
          </p:cNvPr>
          <p:cNvCxnSpPr>
            <a:cxnSpLocks/>
          </p:cNvCxnSpPr>
          <p:nvPr userDrawn="1"/>
        </p:nvCxnSpPr>
        <p:spPr>
          <a:xfrm>
            <a:off x="450850" y="6167142"/>
            <a:ext cx="9032875"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A6E22BF8-E24A-4E79-8699-AD6C16EFEA27}"/>
              </a:ext>
            </a:extLst>
          </p:cNvPr>
          <p:cNvCxnSpPr>
            <a:cxnSpLocks/>
          </p:cNvCxnSpPr>
          <p:nvPr userDrawn="1"/>
        </p:nvCxnSpPr>
        <p:spPr>
          <a:xfrm>
            <a:off x="11284744" y="6167142"/>
            <a:ext cx="472281"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5DE31BFA-4190-DE46-97C0-B0A0FACD6664}"/>
              </a:ext>
            </a:extLst>
          </p:cNvPr>
          <p:cNvSpPr>
            <a:spLocks noGrp="1"/>
          </p:cNvSpPr>
          <p:nvPr>
            <p:ph type="sldNum" sz="quarter" idx="12"/>
          </p:nvPr>
        </p:nvSpPr>
        <p:spPr>
          <a:xfrm>
            <a:off x="11353800" y="6181983"/>
            <a:ext cx="403226" cy="256994"/>
          </a:xfrm>
          <a:prstGeom prst="rect">
            <a:avLst/>
          </a:prstGeom>
        </p:spPr>
        <p:txBody>
          <a:bodyPr/>
          <a:lstStyle>
            <a:lvl1pPr>
              <a:defRPr>
                <a:solidFill>
                  <a:schemeClr val="bg1"/>
                </a:solidFill>
              </a:defRPr>
            </a:lvl1pPr>
          </a:lstStyle>
          <a:p>
            <a:fld id="{24C8C45C-947F-4981-8B3F-4F32E973C901}" type="slidenum">
              <a:rPr lang="en-GB" smtClean="0"/>
              <a:pPr/>
              <a:t>‹#›</a:t>
            </a:fld>
            <a:endParaRPr lang="en-GB" dirty="0"/>
          </a:p>
        </p:txBody>
      </p:sp>
      <p:sp>
        <p:nvSpPr>
          <p:cNvPr id="11" name="Text Placeholder 11">
            <a:extLst>
              <a:ext uri="{FF2B5EF4-FFF2-40B4-BE49-F238E27FC236}">
                <a16:creationId xmlns:a16="http://schemas.microsoft.com/office/drawing/2014/main" id="{76888250-23D4-894F-9628-37412AD0C953}"/>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chemeClr val="bg1"/>
                </a:solidFill>
              </a:defRPr>
            </a:lvl1pPr>
          </a:lstStyle>
          <a:p>
            <a:pPr lvl="0"/>
            <a:r>
              <a:rPr lang="en-US"/>
              <a:t>Insert title name</a:t>
            </a:r>
          </a:p>
        </p:txBody>
      </p:sp>
    </p:spTree>
    <p:extLst>
      <p:ext uri="{BB962C8B-B14F-4D97-AF65-F5344CB8AC3E}">
        <p14:creationId xmlns:p14="http://schemas.microsoft.com/office/powerpoint/2010/main" val="31023999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rontpage L">
    <p:bg>
      <p:bgPr>
        <a:solidFill>
          <a:schemeClr val="bg1"/>
        </a:solidFill>
        <a:effectLst/>
      </p:bgPr>
    </p:bg>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2732F1AE-1684-4CD8-9438-1E41BABAAD75}"/>
              </a:ext>
            </a:extLst>
          </p:cNvPr>
          <p:cNvSpPr/>
          <p:nvPr userDrawn="1"/>
        </p:nvSpPr>
        <p:spPr>
          <a:xfrm>
            <a:off x="450850" y="304800"/>
            <a:ext cx="11741150" cy="25699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6" name="Picture Placeholder 25">
            <a:extLst>
              <a:ext uri="{FF2B5EF4-FFF2-40B4-BE49-F238E27FC236}">
                <a16:creationId xmlns:a16="http://schemas.microsoft.com/office/drawing/2014/main" id="{720BD799-6DB8-451B-946B-43B537A9FBAE}"/>
              </a:ext>
            </a:extLst>
          </p:cNvPr>
          <p:cNvSpPr>
            <a:spLocks noGrp="1"/>
          </p:cNvSpPr>
          <p:nvPr>
            <p:ph type="pic" sz="quarter" idx="15" hasCustomPrompt="1"/>
          </p:nvPr>
        </p:nvSpPr>
        <p:spPr>
          <a:xfrm>
            <a:off x="4905829" y="769479"/>
            <a:ext cx="7286171" cy="5387484"/>
          </a:xfrm>
          <a:custGeom>
            <a:avLst/>
            <a:gdLst>
              <a:gd name="connsiteX0" fmla="*/ 3690892 w 7286171"/>
              <a:gd name="connsiteY0" fmla="*/ 0 h 5387484"/>
              <a:gd name="connsiteX1" fmla="*/ 7273985 w 7286171"/>
              <a:gd name="connsiteY1" fmla="*/ 0 h 5387484"/>
              <a:gd name="connsiteX2" fmla="*/ 7286171 w 7286171"/>
              <a:gd name="connsiteY2" fmla="*/ 0 h 5387484"/>
              <a:gd name="connsiteX3" fmla="*/ 7286171 w 7286171"/>
              <a:gd name="connsiteY3" fmla="*/ 2773933 h 5387484"/>
              <a:gd name="connsiteX4" fmla="*/ 7225249 w 7286171"/>
              <a:gd name="connsiteY4" fmla="*/ 2773933 h 5387484"/>
              <a:gd name="connsiteX5" fmla="*/ 4149747 w 7286171"/>
              <a:gd name="connsiteY5" fmla="*/ 2773933 h 5387484"/>
              <a:gd name="connsiteX6" fmla="*/ 3757518 w 7286171"/>
              <a:gd name="connsiteY6" fmla="*/ 2936304 h 5387484"/>
              <a:gd name="connsiteX7" fmla="*/ 2934733 w 7286171"/>
              <a:gd name="connsiteY7" fmla="*/ 3759989 h 5387484"/>
              <a:gd name="connsiteX8" fmla="*/ 2772110 w 7286171"/>
              <a:gd name="connsiteY8" fmla="*/ 4152476 h 5387484"/>
              <a:gd name="connsiteX9" fmla="*/ 2772110 w 7286171"/>
              <a:gd name="connsiteY9" fmla="*/ 5176131 h 5387484"/>
              <a:gd name="connsiteX10" fmla="*/ 2772110 w 7286171"/>
              <a:gd name="connsiteY10" fmla="*/ 5387484 h 5387484"/>
              <a:gd name="connsiteX11" fmla="*/ 0 w 7286171"/>
              <a:gd name="connsiteY11" fmla="*/ 5387484 h 5387484"/>
              <a:gd name="connsiteX12" fmla="*/ 0 w 7286171"/>
              <a:gd name="connsiteY12" fmla="*/ 5372809 h 5387484"/>
              <a:gd name="connsiteX13" fmla="*/ 0 w 7286171"/>
              <a:gd name="connsiteY13" fmla="*/ 5347395 h 5387484"/>
              <a:gd name="connsiteX14" fmla="*/ 0 w 7286171"/>
              <a:gd name="connsiteY14" fmla="*/ 5320000 h 5387484"/>
              <a:gd name="connsiteX15" fmla="*/ 0 w 7286171"/>
              <a:gd name="connsiteY15" fmla="*/ 5309481 h 5387484"/>
              <a:gd name="connsiteX16" fmla="*/ 0 w 7286171"/>
              <a:gd name="connsiteY16" fmla="*/ 5240705 h 5387484"/>
              <a:gd name="connsiteX17" fmla="*/ 0 w 7286171"/>
              <a:gd name="connsiteY17" fmla="*/ 5196003 h 5387484"/>
              <a:gd name="connsiteX18" fmla="*/ 0 w 7286171"/>
              <a:gd name="connsiteY18" fmla="*/ 5143611 h 5387484"/>
              <a:gd name="connsiteX19" fmla="*/ 0 w 7286171"/>
              <a:gd name="connsiteY19" fmla="*/ 5082919 h 5387484"/>
              <a:gd name="connsiteX20" fmla="*/ 0 w 7286171"/>
              <a:gd name="connsiteY20" fmla="*/ 5013317 h 5387484"/>
              <a:gd name="connsiteX21" fmla="*/ 0 w 7286171"/>
              <a:gd name="connsiteY21" fmla="*/ 4934194 h 5387484"/>
              <a:gd name="connsiteX22" fmla="*/ 0 w 7286171"/>
              <a:gd name="connsiteY22" fmla="*/ 4844940 h 5387484"/>
              <a:gd name="connsiteX23" fmla="*/ 0 w 7286171"/>
              <a:gd name="connsiteY23" fmla="*/ 4744945 h 5387484"/>
              <a:gd name="connsiteX24" fmla="*/ 0 w 7286171"/>
              <a:gd name="connsiteY24" fmla="*/ 4633599 h 5387484"/>
              <a:gd name="connsiteX25" fmla="*/ 0 w 7286171"/>
              <a:gd name="connsiteY25" fmla="*/ 4510290 h 5387484"/>
              <a:gd name="connsiteX26" fmla="*/ 0 w 7286171"/>
              <a:gd name="connsiteY26" fmla="*/ 4374410 h 5387484"/>
              <a:gd name="connsiteX27" fmla="*/ 0 w 7286171"/>
              <a:gd name="connsiteY27" fmla="*/ 4225347 h 5387484"/>
              <a:gd name="connsiteX28" fmla="*/ 0 w 7286171"/>
              <a:gd name="connsiteY28" fmla="*/ 4062492 h 5387484"/>
              <a:gd name="connsiteX29" fmla="*/ 0 w 7286171"/>
              <a:gd name="connsiteY29" fmla="*/ 3885233 h 5387484"/>
              <a:gd name="connsiteX30" fmla="*/ 0 w 7286171"/>
              <a:gd name="connsiteY30" fmla="*/ 3692961 h 5387484"/>
              <a:gd name="connsiteX31" fmla="*/ 649417 w 7286171"/>
              <a:gd name="connsiteY31" fmla="*/ 2123730 h 5387484"/>
              <a:gd name="connsiteX32" fmla="*/ 2122693 w 7286171"/>
              <a:gd name="connsiteY32" fmla="*/ 649844 h 5387484"/>
              <a:gd name="connsiteX33" fmla="*/ 3690892 w 7286171"/>
              <a:gd name="connsiteY33" fmla="*/ 0 h 5387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286171" h="5387484">
                <a:moveTo>
                  <a:pt x="3690892" y="0"/>
                </a:moveTo>
                <a:cubicBezTo>
                  <a:pt x="3690892" y="0"/>
                  <a:pt x="3690892" y="0"/>
                  <a:pt x="7273985" y="0"/>
                </a:cubicBezTo>
                <a:lnTo>
                  <a:pt x="7286171" y="0"/>
                </a:lnTo>
                <a:lnTo>
                  <a:pt x="7286171" y="2773933"/>
                </a:lnTo>
                <a:lnTo>
                  <a:pt x="7225249" y="2773933"/>
                </a:lnTo>
                <a:cubicBezTo>
                  <a:pt x="6668171" y="2773933"/>
                  <a:pt x="5729935" y="2773933"/>
                  <a:pt x="4149747" y="2773933"/>
                </a:cubicBezTo>
                <a:cubicBezTo>
                  <a:pt x="4002526" y="2773933"/>
                  <a:pt x="3861754" y="2832358"/>
                  <a:pt x="3757518" y="2936304"/>
                </a:cubicBezTo>
                <a:cubicBezTo>
                  <a:pt x="3757518" y="2936304"/>
                  <a:pt x="3757518" y="2936304"/>
                  <a:pt x="2934733" y="3759989"/>
                </a:cubicBezTo>
                <a:cubicBezTo>
                  <a:pt x="2830496" y="3863935"/>
                  <a:pt x="2772110" y="4005159"/>
                  <a:pt x="2772110" y="4152476"/>
                </a:cubicBezTo>
                <a:cubicBezTo>
                  <a:pt x="2772110" y="4152476"/>
                  <a:pt x="2772110" y="4152476"/>
                  <a:pt x="2772110" y="5176131"/>
                </a:cubicBezTo>
                <a:lnTo>
                  <a:pt x="2772110" y="5387484"/>
                </a:lnTo>
                <a:lnTo>
                  <a:pt x="0" y="5387484"/>
                </a:lnTo>
                <a:lnTo>
                  <a:pt x="0" y="5372809"/>
                </a:lnTo>
                <a:lnTo>
                  <a:pt x="0" y="5347395"/>
                </a:lnTo>
                <a:lnTo>
                  <a:pt x="0" y="5320000"/>
                </a:lnTo>
                <a:lnTo>
                  <a:pt x="0" y="5309481"/>
                </a:lnTo>
                <a:lnTo>
                  <a:pt x="0" y="5240705"/>
                </a:lnTo>
                <a:lnTo>
                  <a:pt x="0" y="5196003"/>
                </a:lnTo>
                <a:lnTo>
                  <a:pt x="0" y="5143611"/>
                </a:lnTo>
                <a:lnTo>
                  <a:pt x="0" y="5082919"/>
                </a:lnTo>
                <a:lnTo>
                  <a:pt x="0" y="5013317"/>
                </a:lnTo>
                <a:lnTo>
                  <a:pt x="0" y="4934194"/>
                </a:lnTo>
                <a:lnTo>
                  <a:pt x="0" y="4844940"/>
                </a:lnTo>
                <a:lnTo>
                  <a:pt x="0" y="4744945"/>
                </a:lnTo>
                <a:lnTo>
                  <a:pt x="0" y="4633599"/>
                </a:lnTo>
                <a:lnTo>
                  <a:pt x="0" y="4510290"/>
                </a:lnTo>
                <a:lnTo>
                  <a:pt x="0" y="4374410"/>
                </a:lnTo>
                <a:lnTo>
                  <a:pt x="0" y="4225347"/>
                </a:lnTo>
                <a:lnTo>
                  <a:pt x="0" y="4062492"/>
                </a:lnTo>
                <a:lnTo>
                  <a:pt x="0" y="3885233"/>
                </a:lnTo>
                <a:lnTo>
                  <a:pt x="0" y="3692961"/>
                </a:lnTo>
                <a:cubicBezTo>
                  <a:pt x="0" y="3104410"/>
                  <a:pt x="233547" y="2540233"/>
                  <a:pt x="649417" y="2123730"/>
                </a:cubicBezTo>
                <a:cubicBezTo>
                  <a:pt x="649417" y="2123730"/>
                  <a:pt x="649417" y="2123730"/>
                  <a:pt x="2122693" y="649844"/>
                </a:cubicBezTo>
                <a:cubicBezTo>
                  <a:pt x="2538563" y="233700"/>
                  <a:pt x="3102728" y="0"/>
                  <a:pt x="3690892" y="0"/>
                </a:cubicBezTo>
                <a:close/>
              </a:path>
            </a:pathLst>
          </a:custGeom>
        </p:spPr>
        <p:txBody>
          <a:bodyPr wrap="square" bIns="792000" anchor="ctr">
            <a:noAutofit/>
          </a:bodyPr>
          <a:lstStyle>
            <a:lvl1pPr marL="0" indent="0" algn="ctr">
              <a:buNone/>
              <a:defRPr/>
            </a:lvl1pPr>
          </a:lstStyle>
          <a:p>
            <a:r>
              <a:rPr lang="en-GB" dirty="0"/>
              <a:t>Click on the placeholder and paste images via Images Library </a:t>
            </a:r>
          </a:p>
        </p:txBody>
      </p:sp>
      <p:sp>
        <p:nvSpPr>
          <p:cNvPr id="2" name="Title 1"/>
          <p:cNvSpPr>
            <a:spLocks noGrp="1"/>
          </p:cNvSpPr>
          <p:nvPr>
            <p:ph type="ctrTitle" hasCustomPrompt="1"/>
          </p:nvPr>
        </p:nvSpPr>
        <p:spPr>
          <a:xfrm>
            <a:off x="454695" y="864553"/>
            <a:ext cx="4451134" cy="1907676"/>
          </a:xfrm>
          <a:prstGeom prst="rect">
            <a:avLst/>
          </a:prstGeom>
        </p:spPr>
        <p:txBody>
          <a:bodyPr anchor="t"/>
          <a:lstStyle>
            <a:lvl1pPr algn="l">
              <a:defRPr sz="6600" cap="all" baseline="0">
                <a:solidFill>
                  <a:srgbClr val="71004B"/>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E7C4FF92-F186-F645-B926-2FC0E48C92A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1FF681D9-46BF-124E-B2B9-78C21DBFE1AF}"/>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39823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rontpage M">
    <p:bg>
      <p:bgPr>
        <a:solidFill>
          <a:srgbClr val="D7D8D6"/>
        </a:solidFill>
        <a:effectLst/>
      </p:bgPr>
    </p:bg>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2732F1AE-1684-4CD8-9438-1E41BABAAD75}"/>
              </a:ext>
            </a:extLst>
          </p:cNvPr>
          <p:cNvSpPr/>
          <p:nvPr userDrawn="1"/>
        </p:nvSpPr>
        <p:spPr>
          <a:xfrm>
            <a:off x="450850" y="304800"/>
            <a:ext cx="11741150" cy="256994"/>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54695" y="1556703"/>
            <a:ext cx="3768962" cy="2387600"/>
          </a:xfrm>
          <a:prstGeom prst="rect">
            <a:avLst/>
          </a:prstGeom>
        </p:spPr>
        <p:txBody>
          <a:bodyPr anchor="t"/>
          <a:lstStyle>
            <a:lvl1pPr algn="l">
              <a:defRPr sz="7200" cap="all" baseline="0">
                <a:solidFill>
                  <a:schemeClr val="tx2"/>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9" name="Picture Placeholder 28">
            <a:extLst>
              <a:ext uri="{FF2B5EF4-FFF2-40B4-BE49-F238E27FC236}">
                <a16:creationId xmlns:a16="http://schemas.microsoft.com/office/drawing/2014/main" id="{AE98B548-D327-4FF8-8E54-94EE23B1F75F}"/>
              </a:ext>
            </a:extLst>
          </p:cNvPr>
          <p:cNvSpPr>
            <a:spLocks noGrp="1"/>
          </p:cNvSpPr>
          <p:nvPr>
            <p:ph type="pic" sz="quarter" idx="15" hasCustomPrompt="1"/>
          </p:nvPr>
        </p:nvSpPr>
        <p:spPr>
          <a:xfrm>
            <a:off x="4046538" y="-7620"/>
            <a:ext cx="8145462" cy="6164262"/>
          </a:xfrm>
          <a:custGeom>
            <a:avLst/>
            <a:gdLst>
              <a:gd name="connsiteX0" fmla="*/ 3832319 w 8145462"/>
              <a:gd name="connsiteY0" fmla="*/ 0 h 6164262"/>
              <a:gd name="connsiteX1" fmla="*/ 8145462 w 8145462"/>
              <a:gd name="connsiteY1" fmla="*/ 0 h 6164262"/>
              <a:gd name="connsiteX2" fmla="*/ 8145462 w 8145462"/>
              <a:gd name="connsiteY2" fmla="*/ 3313137 h 6164262"/>
              <a:gd name="connsiteX3" fmla="*/ 8103081 w 8145462"/>
              <a:gd name="connsiteY3" fmla="*/ 3313137 h 6164262"/>
              <a:gd name="connsiteX4" fmla="*/ 5098944 w 8145462"/>
              <a:gd name="connsiteY4" fmla="*/ 3313137 h 6164262"/>
              <a:gd name="connsiteX5" fmla="*/ 4616805 w 8145462"/>
              <a:gd name="connsiteY5" fmla="*/ 3512710 h 6164262"/>
              <a:gd name="connsiteX6" fmla="*/ 3605617 w 8145462"/>
              <a:gd name="connsiteY6" fmla="*/ 4524921 h 6164262"/>
              <a:gd name="connsiteX7" fmla="*/ 3406246 w 8145462"/>
              <a:gd name="connsiteY7" fmla="*/ 5007548 h 6164262"/>
              <a:gd name="connsiteX8" fmla="*/ 3406246 w 8145462"/>
              <a:gd name="connsiteY8" fmla="*/ 5961960 h 6164262"/>
              <a:gd name="connsiteX9" fmla="*/ 3406246 w 8145462"/>
              <a:gd name="connsiteY9" fmla="*/ 6164262 h 6164262"/>
              <a:gd name="connsiteX10" fmla="*/ 0 w 8145462"/>
              <a:gd name="connsiteY10" fmla="*/ 6164262 h 6164262"/>
              <a:gd name="connsiteX11" fmla="*/ 0 w 8145462"/>
              <a:gd name="connsiteY11" fmla="*/ 6162486 h 6164262"/>
              <a:gd name="connsiteX12" fmla="*/ 0 w 8145462"/>
              <a:gd name="connsiteY12" fmla="*/ 4442744 h 6164262"/>
              <a:gd name="connsiteX13" fmla="*/ 798787 w 8145462"/>
              <a:gd name="connsiteY13" fmla="*/ 2514847 h 6164262"/>
              <a:gd name="connsiteX14" fmla="*/ 2608762 w 8145462"/>
              <a:gd name="connsiteY14" fmla="*/ 703040 h 6164262"/>
              <a:gd name="connsiteX15" fmla="*/ 3742771 w 8145462"/>
              <a:gd name="connsiteY15" fmla="*/ 22513 h 61642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8145462" h="6164262">
                <a:moveTo>
                  <a:pt x="3832319" y="0"/>
                </a:moveTo>
                <a:lnTo>
                  <a:pt x="8145462" y="0"/>
                </a:lnTo>
                <a:lnTo>
                  <a:pt x="8145462" y="3313137"/>
                </a:lnTo>
                <a:lnTo>
                  <a:pt x="8103081" y="3313137"/>
                </a:lnTo>
                <a:cubicBezTo>
                  <a:pt x="7408809" y="3313137"/>
                  <a:pt x="6442865" y="3313137"/>
                  <a:pt x="5098944" y="3313137"/>
                </a:cubicBezTo>
                <a:cubicBezTo>
                  <a:pt x="4917816" y="3313137"/>
                  <a:pt x="4744506" y="3384879"/>
                  <a:pt x="4616805" y="3512710"/>
                </a:cubicBezTo>
                <a:cubicBezTo>
                  <a:pt x="4616805" y="3512710"/>
                  <a:pt x="4616805" y="3512710"/>
                  <a:pt x="3605617" y="4524921"/>
                </a:cubicBezTo>
                <a:cubicBezTo>
                  <a:pt x="3477915" y="4654056"/>
                  <a:pt x="3406246" y="4826237"/>
                  <a:pt x="3406246" y="5007548"/>
                </a:cubicBezTo>
                <a:cubicBezTo>
                  <a:pt x="3406246" y="5007548"/>
                  <a:pt x="3406246" y="5007548"/>
                  <a:pt x="3406246" y="5961960"/>
                </a:cubicBezTo>
                <a:lnTo>
                  <a:pt x="3406246" y="6164262"/>
                </a:lnTo>
                <a:lnTo>
                  <a:pt x="0" y="6164262"/>
                </a:lnTo>
                <a:lnTo>
                  <a:pt x="0" y="6162486"/>
                </a:lnTo>
                <a:cubicBezTo>
                  <a:pt x="0" y="6138928"/>
                  <a:pt x="0" y="5950463"/>
                  <a:pt x="0" y="4442744"/>
                </a:cubicBezTo>
                <a:cubicBezTo>
                  <a:pt x="0" y="3720109"/>
                  <a:pt x="287980" y="3026170"/>
                  <a:pt x="798787" y="2514847"/>
                </a:cubicBezTo>
                <a:cubicBezTo>
                  <a:pt x="798787" y="2514847"/>
                  <a:pt x="798787" y="2514847"/>
                  <a:pt x="2608762" y="703040"/>
                </a:cubicBezTo>
                <a:cubicBezTo>
                  <a:pt x="2928017" y="383463"/>
                  <a:pt x="3318533" y="151525"/>
                  <a:pt x="3742771" y="22513"/>
                </a:cubicBezTo>
                <a:close/>
              </a:path>
            </a:pathLst>
          </a:custGeom>
          <a:noFill/>
        </p:spPr>
        <p:txBody>
          <a:bodyPr wrap="square" bIns="756000" anchor="ctr">
            <a:noAutofit/>
          </a:bodyPr>
          <a:lstStyle>
            <a:lvl1pPr marL="0" indent="0" algn="ctr">
              <a:buNone/>
              <a:defRPr/>
            </a:lvl1pPr>
          </a:lstStyle>
          <a:p>
            <a:r>
              <a:rPr lang="en-GB" dirty="0"/>
              <a:t>Click on the placeholder and paste images via Images Library </a:t>
            </a:r>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CC319398-E669-EC47-B5BD-102002C4BA6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99FC9311-A08B-1E4E-89A3-583E4E58C62E}"/>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7069129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rontpage N">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6E80CE00-B7A5-46A7-A20D-10FF5DF24C75}"/>
              </a:ext>
            </a:extLst>
          </p:cNvPr>
          <p:cNvSpPr>
            <a:spLocks noGrp="1"/>
          </p:cNvSpPr>
          <p:nvPr>
            <p:ph type="pic" sz="quarter" idx="15" hasCustomPrompt="1"/>
          </p:nvPr>
        </p:nvSpPr>
        <p:spPr>
          <a:xfrm>
            <a:off x="0" y="0"/>
            <a:ext cx="12189600" cy="5508022"/>
          </a:xfrm>
          <a:custGeom>
            <a:avLst/>
            <a:gdLst>
              <a:gd name="connsiteX0" fmla="*/ 0 w 12192000"/>
              <a:gd name="connsiteY0" fmla="*/ 0 h 5508022"/>
              <a:gd name="connsiteX1" fmla="*/ 12192000 w 12192000"/>
              <a:gd name="connsiteY1" fmla="*/ 0 h 5508022"/>
              <a:gd name="connsiteX2" fmla="*/ 12192000 w 12192000"/>
              <a:gd name="connsiteY2" fmla="*/ 2568951 h 5508022"/>
              <a:gd name="connsiteX3" fmla="*/ 12190253 w 12192000"/>
              <a:gd name="connsiteY3" fmla="*/ 2568951 h 5508022"/>
              <a:gd name="connsiteX4" fmla="*/ 11368757 w 12192000"/>
              <a:gd name="connsiteY4" fmla="*/ 2568951 h 5508022"/>
              <a:gd name="connsiteX5" fmla="*/ 11076362 w 12192000"/>
              <a:gd name="connsiteY5" fmla="*/ 2862585 h 5508022"/>
              <a:gd name="connsiteX6" fmla="*/ 11076362 w 12192000"/>
              <a:gd name="connsiteY6" fmla="*/ 4047150 h 5508022"/>
              <a:gd name="connsiteX7" fmla="*/ 10904205 w 12192000"/>
              <a:gd name="connsiteY7" fmla="*/ 4462979 h 5508022"/>
              <a:gd name="connsiteX8" fmla="*/ 10033398 w 12192000"/>
              <a:gd name="connsiteY8" fmla="*/ 5335672 h 5508022"/>
              <a:gd name="connsiteX9" fmla="*/ 9618945 w 12192000"/>
              <a:gd name="connsiteY9" fmla="*/ 5508022 h 5508022"/>
              <a:gd name="connsiteX10" fmla="*/ 6229476 w 12192000"/>
              <a:gd name="connsiteY10" fmla="*/ 5508022 h 5508022"/>
              <a:gd name="connsiteX11" fmla="*/ 5956300 w 12192000"/>
              <a:gd name="connsiteY11" fmla="*/ 5508022 h 5508022"/>
              <a:gd name="connsiteX12" fmla="*/ 5956300 w 12192000"/>
              <a:gd name="connsiteY12" fmla="*/ 5506879 h 5508022"/>
              <a:gd name="connsiteX13" fmla="*/ 0 w 12192000"/>
              <a:gd name="connsiteY13" fmla="*/ 5506879 h 5508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192000" h="5508022">
                <a:moveTo>
                  <a:pt x="0" y="0"/>
                </a:moveTo>
                <a:lnTo>
                  <a:pt x="12192000" y="0"/>
                </a:lnTo>
                <a:lnTo>
                  <a:pt x="12192000" y="2568951"/>
                </a:lnTo>
                <a:lnTo>
                  <a:pt x="12190253" y="2568951"/>
                </a:lnTo>
                <a:cubicBezTo>
                  <a:pt x="12010504" y="2568951"/>
                  <a:pt x="11749052" y="2568951"/>
                  <a:pt x="11368757" y="2568951"/>
                </a:cubicBezTo>
                <a:cubicBezTo>
                  <a:pt x="11207530" y="2568951"/>
                  <a:pt x="11076362" y="2700266"/>
                  <a:pt x="11076362" y="2862585"/>
                </a:cubicBezTo>
                <a:cubicBezTo>
                  <a:pt x="11076362" y="2862585"/>
                  <a:pt x="11076362" y="2862585"/>
                  <a:pt x="11076362" y="4047150"/>
                </a:cubicBezTo>
                <a:cubicBezTo>
                  <a:pt x="11076362" y="4203086"/>
                  <a:pt x="11014422" y="4352638"/>
                  <a:pt x="10904205" y="4462979"/>
                </a:cubicBezTo>
                <a:cubicBezTo>
                  <a:pt x="10904205" y="4462979"/>
                  <a:pt x="10904205" y="4462979"/>
                  <a:pt x="10033398" y="5335672"/>
                </a:cubicBezTo>
                <a:cubicBezTo>
                  <a:pt x="9924092" y="5446013"/>
                  <a:pt x="9774707" y="5508022"/>
                  <a:pt x="9618945" y="5508022"/>
                </a:cubicBezTo>
                <a:cubicBezTo>
                  <a:pt x="9618945" y="5508022"/>
                  <a:pt x="9618945" y="5508022"/>
                  <a:pt x="6229476" y="5508022"/>
                </a:cubicBezTo>
                <a:lnTo>
                  <a:pt x="5956300" y="5508022"/>
                </a:lnTo>
                <a:lnTo>
                  <a:pt x="5956300" y="5506879"/>
                </a:lnTo>
                <a:lnTo>
                  <a:pt x="0" y="5506879"/>
                </a:lnTo>
                <a:close/>
              </a:path>
            </a:pathLst>
          </a:custGeom>
          <a:solidFill>
            <a:srgbClr val="D7D8D6"/>
          </a:solidFill>
        </p:spPr>
        <p:txBody>
          <a:bodyPr wrap="square" tIns="648000" anchor="ctr">
            <a:noAutofit/>
          </a:bodyPr>
          <a:lstStyle>
            <a:lvl1pPr marL="0" indent="0" algn="ctr">
              <a:buNone/>
              <a:defRPr>
                <a:solidFill>
                  <a:schemeClr val="tx1"/>
                </a:solidFill>
              </a:defRPr>
            </a:lvl1pPr>
          </a:lstStyle>
          <a:p>
            <a:r>
              <a:rPr lang="en-GB" dirty="0"/>
              <a:t>Click the placeholder and paste image via Images Library</a:t>
            </a:r>
          </a:p>
        </p:txBody>
      </p:sp>
      <p:sp>
        <p:nvSpPr>
          <p:cNvPr id="2" name="Title 1"/>
          <p:cNvSpPr>
            <a:spLocks noGrp="1"/>
          </p:cNvSpPr>
          <p:nvPr>
            <p:ph type="ctrTitle" hasCustomPrompt="1"/>
          </p:nvPr>
        </p:nvSpPr>
        <p:spPr>
          <a:xfrm>
            <a:off x="450850" y="433388"/>
            <a:ext cx="9382125" cy="2321242"/>
          </a:xfrm>
          <a:prstGeom prst="rect">
            <a:avLst/>
          </a:prstGeom>
        </p:spPr>
        <p:txBody>
          <a:bodyPr anchor="t"/>
          <a:lstStyle>
            <a:lvl1pPr algn="l">
              <a:lnSpc>
                <a:spcPct val="80000"/>
              </a:lnSpc>
              <a:defRPr sz="115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24A1151C-DC4B-4942-9DC0-5F4414361B49}"/>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F5074BBC-FB74-AC4F-8DCE-C9CC30D3743D}"/>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39637410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rontpage O">
    <p:spTree>
      <p:nvGrpSpPr>
        <p:cNvPr id="1" name=""/>
        <p:cNvGrpSpPr/>
        <p:nvPr/>
      </p:nvGrpSpPr>
      <p:grpSpPr>
        <a:xfrm>
          <a:off x="0" y="0"/>
          <a:ext cx="0" cy="0"/>
          <a:chOff x="0" y="0"/>
          <a:chExt cx="0" cy="0"/>
        </a:xfrm>
      </p:grpSpPr>
      <p:sp>
        <p:nvSpPr>
          <p:cNvPr id="26" name="Freeform: Shape 25">
            <a:extLst>
              <a:ext uri="{FF2B5EF4-FFF2-40B4-BE49-F238E27FC236}">
                <a16:creationId xmlns:a16="http://schemas.microsoft.com/office/drawing/2014/main" id="{667A8970-B1FF-4230-9F99-E81E49FFCF9E}"/>
              </a:ext>
            </a:extLst>
          </p:cNvPr>
          <p:cNvSpPr/>
          <p:nvPr userDrawn="1"/>
        </p:nvSpPr>
        <p:spPr>
          <a:xfrm>
            <a:off x="0" y="0"/>
            <a:ext cx="12192000" cy="6858000"/>
          </a:xfrm>
          <a:custGeom>
            <a:avLst/>
            <a:gdLst>
              <a:gd name="connsiteX0" fmla="*/ 3524250 w 12192000"/>
              <a:gd name="connsiteY0" fmla="*/ 6857997 h 6858000"/>
              <a:gd name="connsiteX1" fmla="*/ 12192000 w 12192000"/>
              <a:gd name="connsiteY1" fmla="*/ 6857997 h 6858000"/>
              <a:gd name="connsiteX2" fmla="*/ 12192000 w 12192000"/>
              <a:gd name="connsiteY2" fmla="*/ 6858000 h 6858000"/>
              <a:gd name="connsiteX3" fmla="*/ 0 w 12192000"/>
              <a:gd name="connsiteY3" fmla="*/ 6858000 h 6858000"/>
              <a:gd name="connsiteX4" fmla="*/ 0 w 12192000"/>
              <a:gd name="connsiteY4" fmla="*/ 6857999 h 6858000"/>
              <a:gd name="connsiteX5" fmla="*/ 3524250 w 12192000"/>
              <a:gd name="connsiteY5" fmla="*/ 6857999 h 6858000"/>
              <a:gd name="connsiteX6" fmla="*/ 0 w 12192000"/>
              <a:gd name="connsiteY6" fmla="*/ 0 h 6858000"/>
              <a:gd name="connsiteX7" fmla="*/ 12192000 w 12192000"/>
              <a:gd name="connsiteY7" fmla="*/ 0 h 6858000"/>
              <a:gd name="connsiteX8" fmla="*/ 12192000 w 12192000"/>
              <a:gd name="connsiteY8" fmla="*/ 1339851 h 6858000"/>
              <a:gd name="connsiteX9" fmla="*/ 12187204 w 12192000"/>
              <a:gd name="connsiteY9" fmla="*/ 1339851 h 6858000"/>
              <a:gd name="connsiteX10" fmla="*/ 10536652 w 12192000"/>
              <a:gd name="connsiteY10" fmla="*/ 1339851 h 6858000"/>
              <a:gd name="connsiteX11" fmla="*/ 10152526 w 12192000"/>
              <a:gd name="connsiteY11" fmla="*/ 1724384 h 6858000"/>
              <a:gd name="connsiteX12" fmla="*/ 10152526 w 12192000"/>
              <a:gd name="connsiteY12" fmla="*/ 3279356 h 6858000"/>
              <a:gd name="connsiteX13" fmla="*/ 9926816 w 12192000"/>
              <a:gd name="connsiteY13" fmla="*/ 3823877 h 6858000"/>
              <a:gd name="connsiteX14" fmla="*/ 8784248 w 12192000"/>
              <a:gd name="connsiteY14" fmla="*/ 4969054 h 6858000"/>
              <a:gd name="connsiteX15" fmla="*/ 8240301 w 12192000"/>
              <a:gd name="connsiteY15" fmla="*/ 5195002 h 6858000"/>
              <a:gd name="connsiteX16" fmla="*/ 2844295 w 12192000"/>
              <a:gd name="connsiteY16" fmla="*/ 5195002 h 6858000"/>
              <a:gd name="connsiteX17" fmla="*/ 2819900 w 12192000"/>
              <a:gd name="connsiteY17" fmla="*/ 5197474 h 6858000"/>
              <a:gd name="connsiteX18" fmla="*/ 0 w 12192000"/>
              <a:gd name="connsiteY18" fmla="*/ 519747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2192000" h="6858000">
                <a:moveTo>
                  <a:pt x="3524250" y="6857997"/>
                </a:moveTo>
                <a:lnTo>
                  <a:pt x="12192000" y="6857997"/>
                </a:lnTo>
                <a:lnTo>
                  <a:pt x="12192000" y="6858000"/>
                </a:lnTo>
                <a:lnTo>
                  <a:pt x="0" y="6858000"/>
                </a:lnTo>
                <a:lnTo>
                  <a:pt x="0" y="6857999"/>
                </a:lnTo>
                <a:lnTo>
                  <a:pt x="3524250" y="6857999"/>
                </a:lnTo>
                <a:close/>
                <a:moveTo>
                  <a:pt x="0" y="0"/>
                </a:moveTo>
                <a:lnTo>
                  <a:pt x="12192000" y="0"/>
                </a:lnTo>
                <a:lnTo>
                  <a:pt x="12192000" y="1339851"/>
                </a:lnTo>
                <a:lnTo>
                  <a:pt x="12187204" y="1339851"/>
                </a:lnTo>
                <a:cubicBezTo>
                  <a:pt x="10536652" y="1339851"/>
                  <a:pt x="10536652" y="1339851"/>
                  <a:pt x="10536652" y="1339851"/>
                </a:cubicBezTo>
                <a:cubicBezTo>
                  <a:pt x="10323560" y="1339851"/>
                  <a:pt x="10152526" y="1512470"/>
                  <a:pt x="10152526" y="1724384"/>
                </a:cubicBezTo>
                <a:cubicBezTo>
                  <a:pt x="10152526" y="3279356"/>
                  <a:pt x="10152526" y="3279356"/>
                  <a:pt x="10152526" y="3279356"/>
                </a:cubicBezTo>
                <a:cubicBezTo>
                  <a:pt x="10152526" y="3482850"/>
                  <a:pt x="10071214" y="3679326"/>
                  <a:pt x="9926816" y="3823877"/>
                </a:cubicBezTo>
                <a:cubicBezTo>
                  <a:pt x="8784248" y="4969054"/>
                  <a:pt x="8784248" y="4969054"/>
                  <a:pt x="8784248" y="4969054"/>
                </a:cubicBezTo>
                <a:cubicBezTo>
                  <a:pt x="8639849" y="5113605"/>
                  <a:pt x="8444982" y="5195002"/>
                  <a:pt x="8240301" y="5195002"/>
                </a:cubicBezTo>
                <a:cubicBezTo>
                  <a:pt x="2844295" y="5195002"/>
                  <a:pt x="2844295" y="5195002"/>
                  <a:pt x="2844295" y="5195002"/>
                </a:cubicBezTo>
                <a:lnTo>
                  <a:pt x="2819900" y="5197474"/>
                </a:lnTo>
                <a:lnTo>
                  <a:pt x="0" y="5197474"/>
                </a:lnTo>
                <a:close/>
              </a:path>
            </a:pathLst>
          </a:cu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64122" y="1806576"/>
            <a:ext cx="9368853" cy="1685924"/>
          </a:xfrm>
          <a:prstGeom prst="rect">
            <a:avLst/>
          </a:prstGeom>
        </p:spPr>
        <p:txBody>
          <a:bodyPr anchor="t"/>
          <a:lstStyle>
            <a:lvl1pPr algn="l">
              <a:defRPr sz="6000" cap="all" baseline="0">
                <a:solidFill>
                  <a:schemeClr val="bg1"/>
                </a:solidFill>
              </a:defRPr>
            </a:lvl1pPr>
          </a:lstStyle>
          <a:p>
            <a:r>
              <a:rPr lang="en-GB"/>
              <a:t>Click to 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4CC7155B-5252-454D-BFB8-1C8B1F21BBA4}"/>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4FF676FD-42C8-AE4E-9D1D-0C026F1A6626}"/>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9535409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rontpage P">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64122" y="4316713"/>
            <a:ext cx="9022778" cy="1468932"/>
          </a:xfrm>
          <a:prstGeom prst="rect">
            <a:avLst/>
          </a:prstGeom>
        </p:spPr>
        <p:txBody>
          <a:bodyPr anchor="b"/>
          <a:lstStyle>
            <a:lvl1pPr algn="l">
              <a:defRPr sz="6000" cap="all" baseline="0">
                <a:solidFill>
                  <a:schemeClr val="tx2"/>
                </a:solidFill>
              </a:defRPr>
            </a:lvl1pPr>
          </a:lstStyle>
          <a:p>
            <a:r>
              <a:rPr lang="en-GB"/>
              <a:t>Click to 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2" name="Picture Placeholder 21">
            <a:extLst>
              <a:ext uri="{FF2B5EF4-FFF2-40B4-BE49-F238E27FC236}">
                <a16:creationId xmlns:a16="http://schemas.microsoft.com/office/drawing/2014/main" id="{1147E0C7-7F80-4039-B346-7BACC4936E3A}"/>
              </a:ext>
            </a:extLst>
          </p:cNvPr>
          <p:cNvSpPr>
            <a:spLocks noGrp="1"/>
          </p:cNvSpPr>
          <p:nvPr>
            <p:ph type="pic" sz="quarter" idx="15" hasCustomPrompt="1"/>
          </p:nvPr>
        </p:nvSpPr>
        <p:spPr>
          <a:xfrm>
            <a:off x="0" y="0"/>
            <a:ext cx="12192000" cy="4316714"/>
          </a:xfrm>
          <a:custGeom>
            <a:avLst/>
            <a:gdLst>
              <a:gd name="connsiteX0" fmla="*/ 0 w 12182475"/>
              <a:gd name="connsiteY0" fmla="*/ 0 h 4316714"/>
              <a:gd name="connsiteX1" fmla="*/ 12182475 w 12182475"/>
              <a:gd name="connsiteY1" fmla="*/ 0 h 4316714"/>
              <a:gd name="connsiteX2" fmla="*/ 12182475 w 12182475"/>
              <a:gd name="connsiteY2" fmla="*/ 1445887 h 4316714"/>
              <a:gd name="connsiteX3" fmla="*/ 12154226 w 12182475"/>
              <a:gd name="connsiteY3" fmla="*/ 1445887 h 4316714"/>
              <a:gd name="connsiteX4" fmla="*/ 11353386 w 12182475"/>
              <a:gd name="connsiteY4" fmla="*/ 1445887 h 4316714"/>
              <a:gd name="connsiteX5" fmla="*/ 11068344 w 12182475"/>
              <a:gd name="connsiteY5" fmla="*/ 1732098 h 4316714"/>
              <a:gd name="connsiteX6" fmla="*/ 11068344 w 12182475"/>
              <a:gd name="connsiteY6" fmla="*/ 2886719 h 4316714"/>
              <a:gd name="connsiteX7" fmla="*/ 10900515 w 12182475"/>
              <a:gd name="connsiteY7" fmla="*/ 3292036 h 4316714"/>
              <a:gd name="connsiteX8" fmla="*/ 10051604 w 12182475"/>
              <a:gd name="connsiteY8" fmla="*/ 4142668 h 4316714"/>
              <a:gd name="connsiteX9" fmla="*/ 9647572 w 12182475"/>
              <a:gd name="connsiteY9" fmla="*/ 4310662 h 4316714"/>
              <a:gd name="connsiteX10" fmla="*/ 5637444 w 12182475"/>
              <a:gd name="connsiteY10" fmla="*/ 4310662 h 4316714"/>
              <a:gd name="connsiteX11" fmla="*/ 5580033 w 12182475"/>
              <a:gd name="connsiteY11" fmla="*/ 4316470 h 4316714"/>
              <a:gd name="connsiteX12" fmla="*/ 5579251 w 12182475"/>
              <a:gd name="connsiteY12" fmla="*/ 4316714 h 4316714"/>
              <a:gd name="connsiteX13" fmla="*/ 0 w 12182475"/>
              <a:gd name="connsiteY13" fmla="*/ 4316714 h 43167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182475" h="4316714">
                <a:moveTo>
                  <a:pt x="0" y="0"/>
                </a:moveTo>
                <a:lnTo>
                  <a:pt x="12182475" y="0"/>
                </a:lnTo>
                <a:lnTo>
                  <a:pt x="12182475" y="1445887"/>
                </a:lnTo>
                <a:lnTo>
                  <a:pt x="12154226" y="1445887"/>
                </a:lnTo>
                <a:cubicBezTo>
                  <a:pt x="11978997" y="1445887"/>
                  <a:pt x="11724118" y="1445887"/>
                  <a:pt x="11353386" y="1445887"/>
                </a:cubicBezTo>
                <a:cubicBezTo>
                  <a:pt x="11196213" y="1445887"/>
                  <a:pt x="11068344" y="1573882"/>
                  <a:pt x="11068344" y="1732098"/>
                </a:cubicBezTo>
                <a:cubicBezTo>
                  <a:pt x="11068344" y="1732098"/>
                  <a:pt x="11068344" y="1732098"/>
                  <a:pt x="11068344" y="2886719"/>
                </a:cubicBezTo>
                <a:cubicBezTo>
                  <a:pt x="11068344" y="3038712"/>
                  <a:pt x="11007961" y="3184484"/>
                  <a:pt x="10900515" y="3292036"/>
                </a:cubicBezTo>
                <a:cubicBezTo>
                  <a:pt x="10900515" y="3292036"/>
                  <a:pt x="10900515" y="3292036"/>
                  <a:pt x="10051604" y="4142668"/>
                </a:cubicBezTo>
                <a:cubicBezTo>
                  <a:pt x="9945046" y="4250219"/>
                  <a:pt x="9799417" y="4310662"/>
                  <a:pt x="9647572" y="4310662"/>
                </a:cubicBezTo>
                <a:cubicBezTo>
                  <a:pt x="9647572" y="4310662"/>
                  <a:pt x="9647572" y="4310662"/>
                  <a:pt x="5637444" y="4310662"/>
                </a:cubicBezTo>
                <a:cubicBezTo>
                  <a:pt x="5617798" y="4310662"/>
                  <a:pt x="5598595" y="4312662"/>
                  <a:pt x="5580033" y="4316470"/>
                </a:cubicBezTo>
                <a:lnTo>
                  <a:pt x="5579251" y="4316714"/>
                </a:lnTo>
                <a:lnTo>
                  <a:pt x="0" y="4316714"/>
                </a:lnTo>
                <a:close/>
              </a:path>
            </a:pathLst>
          </a:custGeom>
          <a:solidFill>
            <a:schemeClr val="bg1"/>
          </a:solidFill>
        </p:spPr>
        <p:txBody>
          <a:bodyPr wrap="square" tIns="648000" anchor="ctr">
            <a:noAutofit/>
          </a:bodyPr>
          <a:lstStyle>
            <a:lvl1pPr marL="0" indent="0" algn="ctr">
              <a:buNone/>
              <a:defRPr/>
            </a:lvl1pPr>
          </a:lstStyle>
          <a:p>
            <a:r>
              <a:rPr lang="en-GB" dirty="0"/>
              <a:t>Click the placeholder and paste image via Images Library</a:t>
            </a:r>
          </a:p>
        </p:txBody>
      </p:sp>
      <p:sp>
        <p:nvSpPr>
          <p:cNvPr id="4"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C6B75521-899F-FF43-9D49-A16C6CEEB84E}"/>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1425F07F-4B43-B248-A56F-FE20205641B4}"/>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90953957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Content and picture A">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7861673" y="1684800"/>
            <a:ext cx="3455440" cy="313200"/>
          </a:xfrm>
          <a:prstGeom prst="rect">
            <a:avLst/>
          </a:prstGeom>
        </p:spPr>
        <p:txBody>
          <a:bodyPr/>
          <a:lstStyle>
            <a:lvl1pPr>
              <a:defRPr>
                <a:solidFill>
                  <a:srgbClr val="71004B"/>
                </a:solidFill>
              </a:defRPr>
            </a:lvl1pPr>
          </a:lstStyle>
          <a:p>
            <a:r>
              <a:rPr lang="en-US"/>
              <a:t>Click to edit Master title style</a:t>
            </a:r>
            <a:endParaRPr lang="en-GB"/>
          </a:p>
        </p:txBody>
      </p:sp>
      <p:sp>
        <p:nvSpPr>
          <p:cNvPr id="3" name="Content Placeholder 2"/>
          <p:cNvSpPr>
            <a:spLocks noGrp="1"/>
          </p:cNvSpPr>
          <p:nvPr>
            <p:ph sz="half" idx="1"/>
          </p:nvPr>
        </p:nvSpPr>
        <p:spPr>
          <a:xfrm>
            <a:off x="7861673" y="2088000"/>
            <a:ext cx="3455440"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4" name="Straight Connector 13">
            <a:extLst>
              <a:ext uri="{FF2B5EF4-FFF2-40B4-BE49-F238E27FC236}">
                <a16:creationId xmlns:a16="http://schemas.microsoft.com/office/drawing/2014/main" id="{B95068EB-76AC-4EF5-8BD2-2EB05172979D}"/>
              </a:ext>
            </a:extLst>
          </p:cNvPr>
          <p:cNvCxnSpPr>
            <a:cxnSpLocks/>
          </p:cNvCxnSpPr>
          <p:nvPr userDrawn="1"/>
        </p:nvCxnSpPr>
        <p:spPr>
          <a:xfrm>
            <a:off x="450850" y="6167142"/>
            <a:ext cx="90328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D018E228-BF20-44B1-8F4B-7DD58F1F95F2}"/>
              </a:ext>
            </a:extLst>
          </p:cNvPr>
          <p:cNvCxnSpPr>
            <a:cxnSpLocks/>
          </p:cNvCxnSpPr>
          <p:nvPr userDrawn="1"/>
        </p:nvCxnSpPr>
        <p:spPr>
          <a:xfrm>
            <a:off x="11284744" y="6167142"/>
            <a:ext cx="472281"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16" name="Picture Placeholder 15">
            <a:extLst>
              <a:ext uri="{FF2B5EF4-FFF2-40B4-BE49-F238E27FC236}">
                <a16:creationId xmlns:a16="http://schemas.microsoft.com/office/drawing/2014/main" id="{D1982FDC-07C1-4AD0-9360-16088F2BBE80}"/>
              </a:ext>
            </a:extLst>
          </p:cNvPr>
          <p:cNvSpPr>
            <a:spLocks noGrp="1"/>
          </p:cNvSpPr>
          <p:nvPr>
            <p:ph type="pic" sz="quarter" idx="17" hasCustomPrompt="1"/>
          </p:nvPr>
        </p:nvSpPr>
        <p:spPr>
          <a:xfrm>
            <a:off x="0" y="0"/>
            <a:ext cx="7569200" cy="5544889"/>
          </a:xfrm>
          <a:custGeom>
            <a:avLst/>
            <a:gdLst>
              <a:gd name="connsiteX0" fmla="*/ 0 w 7569200"/>
              <a:gd name="connsiteY0" fmla="*/ 0 h 5544889"/>
              <a:gd name="connsiteX1" fmla="*/ 7569200 w 7569200"/>
              <a:gd name="connsiteY1" fmla="*/ 0 h 5544889"/>
              <a:gd name="connsiteX2" fmla="*/ 7569200 w 7569200"/>
              <a:gd name="connsiteY2" fmla="*/ 5544889 h 5544889"/>
              <a:gd name="connsiteX3" fmla="*/ 7440730 w 7569200"/>
              <a:gd name="connsiteY3" fmla="*/ 5544889 h 5544889"/>
              <a:gd name="connsiteX4" fmla="*/ 7435452 w 7569200"/>
              <a:gd name="connsiteY4" fmla="*/ 5544355 h 5544889"/>
              <a:gd name="connsiteX5" fmla="*/ 2703892 w 7569200"/>
              <a:gd name="connsiteY5" fmla="*/ 5544355 h 5544889"/>
              <a:gd name="connsiteX6" fmla="*/ 2227174 w 7569200"/>
              <a:gd name="connsiteY6" fmla="*/ 5346139 h 5544889"/>
              <a:gd name="connsiteX7" fmla="*/ 1225541 w 7569200"/>
              <a:gd name="connsiteY7" fmla="*/ 4342476 h 5544889"/>
              <a:gd name="connsiteX8" fmla="*/ 1027520 w 7569200"/>
              <a:gd name="connsiteY8" fmla="*/ 3864241 h 5544889"/>
              <a:gd name="connsiteX9" fmla="*/ 1027520 w 7569200"/>
              <a:gd name="connsiteY9" fmla="*/ 2501901 h 5544889"/>
              <a:gd name="connsiteX10" fmla="*/ 691198 w 7569200"/>
              <a:gd name="connsiteY10" fmla="*/ 2164200 h 5544889"/>
              <a:gd name="connsiteX11" fmla="*/ 42232 w 7569200"/>
              <a:gd name="connsiteY11" fmla="*/ 2164200 h 5544889"/>
              <a:gd name="connsiteX12" fmla="*/ 0 w 7569200"/>
              <a:gd name="connsiteY12" fmla="*/ 2164200 h 55448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569200" h="5544889">
                <a:moveTo>
                  <a:pt x="0" y="0"/>
                </a:moveTo>
                <a:lnTo>
                  <a:pt x="7569200" y="0"/>
                </a:lnTo>
                <a:lnTo>
                  <a:pt x="7569200" y="5544889"/>
                </a:lnTo>
                <a:lnTo>
                  <a:pt x="7440730" y="5544889"/>
                </a:lnTo>
                <a:lnTo>
                  <a:pt x="7435452" y="5544355"/>
                </a:lnTo>
                <a:cubicBezTo>
                  <a:pt x="2703892" y="5544355"/>
                  <a:pt x="2703892" y="5544355"/>
                  <a:pt x="2703892" y="5544355"/>
                </a:cubicBezTo>
                <a:cubicBezTo>
                  <a:pt x="2524730" y="5544355"/>
                  <a:pt x="2352902" y="5473039"/>
                  <a:pt x="2227174" y="5346139"/>
                </a:cubicBezTo>
                <a:cubicBezTo>
                  <a:pt x="1225541" y="4342476"/>
                  <a:pt x="1225541" y="4342476"/>
                  <a:pt x="1225541" y="4342476"/>
                </a:cubicBezTo>
                <a:cubicBezTo>
                  <a:pt x="1098766" y="4215576"/>
                  <a:pt x="1027520" y="4043579"/>
                  <a:pt x="1027520" y="3864241"/>
                </a:cubicBezTo>
                <a:cubicBezTo>
                  <a:pt x="1027520" y="2501901"/>
                  <a:pt x="1027520" y="2501901"/>
                  <a:pt x="1027520" y="2501901"/>
                </a:cubicBezTo>
                <a:cubicBezTo>
                  <a:pt x="1027520" y="2315222"/>
                  <a:pt x="876647" y="2164200"/>
                  <a:pt x="691198" y="2164200"/>
                </a:cubicBezTo>
                <a:cubicBezTo>
                  <a:pt x="428741" y="2164200"/>
                  <a:pt x="215495" y="2164200"/>
                  <a:pt x="42232" y="2164200"/>
                </a:cubicBezTo>
                <a:lnTo>
                  <a:pt x="0" y="2164200"/>
                </a:lnTo>
                <a:close/>
              </a:path>
            </a:pathLst>
          </a:custGeom>
        </p:spPr>
        <p:txBody>
          <a:bodyPr wrap="square" tIns="648000" anchor="ctr">
            <a:noAutofit/>
          </a:bodyPr>
          <a:lstStyle>
            <a:lvl1pPr marL="0" indent="0" algn="ctr">
              <a:buNone/>
              <a:defRPr/>
            </a:lvl1pPr>
          </a:lstStyle>
          <a:p>
            <a:r>
              <a:rPr lang="en-GB" dirty="0"/>
              <a:t>Click the placeholder and paste image via Images Library</a:t>
            </a:r>
          </a:p>
        </p:txBody>
      </p:sp>
      <p:sp>
        <p:nvSpPr>
          <p:cNvPr id="10" name="Text Placeholder 9">
            <a:extLst>
              <a:ext uri="{FF2B5EF4-FFF2-40B4-BE49-F238E27FC236}">
                <a16:creationId xmlns:a16="http://schemas.microsoft.com/office/drawing/2014/main" id="{2F013A13-0E91-49DC-A996-17C5B4EB717A}"/>
              </a:ext>
            </a:extLst>
          </p:cNvPr>
          <p:cNvSpPr>
            <a:spLocks noGrp="1"/>
          </p:cNvSpPr>
          <p:nvPr>
            <p:ph type="body" sz="quarter" idx="16" hasCustomPrompt="1"/>
          </p:nvPr>
        </p:nvSpPr>
        <p:spPr>
          <a:xfrm>
            <a:off x="450000" y="439200"/>
            <a:ext cx="11307600" cy="14400"/>
          </a:xfrm>
          <a:solidFill>
            <a:srgbClr val="71004B"/>
          </a:solidFill>
        </p:spPr>
        <p:txBody>
          <a:bodyPr/>
          <a:lstStyle>
            <a:lvl1pPr marL="0" indent="0">
              <a:buNone/>
              <a:defRPr sz="100"/>
            </a:lvl1pPr>
          </a:lstStyle>
          <a:p>
            <a:pPr lvl="0"/>
            <a:r>
              <a:rPr lang="en-GB"/>
              <a:t>.</a:t>
            </a:r>
          </a:p>
        </p:txBody>
      </p:sp>
      <p:sp>
        <p:nvSpPr>
          <p:cNvPr id="5" name="Date_GeneralDate" hidden="1"/>
          <p:cNvSpPr>
            <a:spLocks noGrp="1"/>
          </p:cNvSpPr>
          <p:nvPr>
            <p:ph type="dt" sz="half" idx="10"/>
          </p:nvPr>
        </p:nvSpPr>
        <p:spPr/>
        <p:txBody>
          <a:bodyPr/>
          <a:lstStyle/>
          <a:p>
            <a:endParaRPr lang="en-GB" dirty="0"/>
          </a:p>
        </p:txBody>
      </p:sp>
      <p:sp>
        <p:nvSpPr>
          <p:cNvPr id="17" name="Slide Number Placeholder 5">
            <a:extLst>
              <a:ext uri="{FF2B5EF4-FFF2-40B4-BE49-F238E27FC236}">
                <a16:creationId xmlns:a16="http://schemas.microsoft.com/office/drawing/2014/main" id="{097F0BD8-1B0B-BD43-B084-9B30FABF0D7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8" name="Text Placeholder 11">
            <a:extLst>
              <a:ext uri="{FF2B5EF4-FFF2-40B4-BE49-F238E27FC236}">
                <a16:creationId xmlns:a16="http://schemas.microsoft.com/office/drawing/2014/main" id="{95137311-425A-3749-B17F-AD44EB9A7A22}"/>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24762347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Content and picture B">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920302" y="1684800"/>
            <a:ext cx="3455440"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920302" y="2088000"/>
            <a:ext cx="3455440"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34" name="Picture Placeholder 33">
            <a:extLst>
              <a:ext uri="{FF2B5EF4-FFF2-40B4-BE49-F238E27FC236}">
                <a16:creationId xmlns:a16="http://schemas.microsoft.com/office/drawing/2014/main" id="{17E43FD9-9ABF-429E-B4A0-7364D4A93408}"/>
              </a:ext>
            </a:extLst>
          </p:cNvPr>
          <p:cNvSpPr>
            <a:spLocks noGrp="1"/>
          </p:cNvSpPr>
          <p:nvPr>
            <p:ph type="pic" sz="quarter" idx="15" hasCustomPrompt="1"/>
          </p:nvPr>
        </p:nvSpPr>
        <p:spPr>
          <a:xfrm>
            <a:off x="4622329" y="0"/>
            <a:ext cx="7569672" cy="6872470"/>
          </a:xfrm>
          <a:custGeom>
            <a:avLst/>
            <a:gdLst>
              <a:gd name="connsiteX0" fmla="*/ 7569670 w 7569672"/>
              <a:gd name="connsiteY0" fmla="*/ 6858000 h 6872470"/>
              <a:gd name="connsiteX1" fmla="*/ 7569671 w 7569672"/>
              <a:gd name="connsiteY1" fmla="*/ 6858000 h 6872470"/>
              <a:gd name="connsiteX2" fmla="*/ 7569671 w 7569672"/>
              <a:gd name="connsiteY2" fmla="*/ 6872470 h 6872470"/>
              <a:gd name="connsiteX3" fmla="*/ 7569670 w 7569672"/>
              <a:gd name="connsiteY3" fmla="*/ 6872470 h 6872470"/>
              <a:gd name="connsiteX4" fmla="*/ 0 w 7569672"/>
              <a:gd name="connsiteY4" fmla="*/ 5590664 h 6872470"/>
              <a:gd name="connsiteX5" fmla="*/ 1 w 7569672"/>
              <a:gd name="connsiteY5" fmla="*/ 5590664 h 6872470"/>
              <a:gd name="connsiteX6" fmla="*/ 1 w 7569672"/>
              <a:gd name="connsiteY6" fmla="*/ 6858000 h 6872470"/>
              <a:gd name="connsiteX7" fmla="*/ 0 w 7569672"/>
              <a:gd name="connsiteY7" fmla="*/ 6858000 h 6872470"/>
              <a:gd name="connsiteX8" fmla="*/ 1 w 7569672"/>
              <a:gd name="connsiteY8" fmla="*/ 0 h 6872470"/>
              <a:gd name="connsiteX9" fmla="*/ 7569672 w 7569672"/>
              <a:gd name="connsiteY9" fmla="*/ 0 h 6872470"/>
              <a:gd name="connsiteX10" fmla="*/ 7569672 w 7569672"/>
              <a:gd name="connsiteY10" fmla="*/ 6858000 h 6872470"/>
              <a:gd name="connsiteX11" fmla="*/ 7569671 w 7569672"/>
              <a:gd name="connsiteY11" fmla="*/ 6858000 h 6872470"/>
              <a:gd name="connsiteX12" fmla="*/ 7569671 w 7569672"/>
              <a:gd name="connsiteY12" fmla="*/ 2149608 h 6872470"/>
              <a:gd name="connsiteX13" fmla="*/ 7535745 w 7569672"/>
              <a:gd name="connsiteY13" fmla="*/ 2149608 h 6872470"/>
              <a:gd name="connsiteX14" fmla="*/ 6874520 w 7569672"/>
              <a:gd name="connsiteY14" fmla="*/ 2149608 h 6872470"/>
              <a:gd name="connsiteX15" fmla="*/ 6531846 w 7569672"/>
              <a:gd name="connsiteY15" fmla="*/ 2493607 h 6872470"/>
              <a:gd name="connsiteX16" fmla="*/ 6531846 w 7569672"/>
              <a:gd name="connsiteY16" fmla="*/ 3881359 h 6872470"/>
              <a:gd name="connsiteX17" fmla="*/ 6330084 w 7569672"/>
              <a:gd name="connsiteY17" fmla="*/ 4368514 h 6872470"/>
              <a:gd name="connsiteX18" fmla="*/ 5309531 w 7569672"/>
              <a:gd name="connsiteY18" fmla="*/ 5390899 h 6872470"/>
              <a:gd name="connsiteX19" fmla="*/ 4823808 w 7569672"/>
              <a:gd name="connsiteY19" fmla="*/ 5592813 h 6872470"/>
              <a:gd name="connsiteX20" fmla="*/ 2789978 w 7569672"/>
              <a:gd name="connsiteY20" fmla="*/ 5592813 h 6872470"/>
              <a:gd name="connsiteX21" fmla="*/ 2700739 w 7569672"/>
              <a:gd name="connsiteY21" fmla="*/ 5592813 h 6872470"/>
              <a:gd name="connsiteX22" fmla="*/ 2700739 w 7569672"/>
              <a:gd name="connsiteY22" fmla="*/ 5590664 h 6872470"/>
              <a:gd name="connsiteX23" fmla="*/ 1 w 7569672"/>
              <a:gd name="connsiteY23" fmla="*/ 5590664 h 68724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7569672" h="6872470">
                <a:moveTo>
                  <a:pt x="7569670" y="6858000"/>
                </a:moveTo>
                <a:lnTo>
                  <a:pt x="7569671" y="6858000"/>
                </a:lnTo>
                <a:lnTo>
                  <a:pt x="7569671" y="6872470"/>
                </a:lnTo>
                <a:lnTo>
                  <a:pt x="7569670" y="6872470"/>
                </a:lnTo>
                <a:close/>
                <a:moveTo>
                  <a:pt x="0" y="5590664"/>
                </a:moveTo>
                <a:lnTo>
                  <a:pt x="1" y="5590664"/>
                </a:lnTo>
                <a:lnTo>
                  <a:pt x="1" y="6858000"/>
                </a:lnTo>
                <a:lnTo>
                  <a:pt x="0" y="6858000"/>
                </a:lnTo>
                <a:close/>
                <a:moveTo>
                  <a:pt x="1" y="0"/>
                </a:moveTo>
                <a:lnTo>
                  <a:pt x="7569672" y="0"/>
                </a:lnTo>
                <a:lnTo>
                  <a:pt x="7569672" y="6858000"/>
                </a:lnTo>
                <a:lnTo>
                  <a:pt x="7569671" y="6858000"/>
                </a:lnTo>
                <a:lnTo>
                  <a:pt x="7569671" y="2149608"/>
                </a:lnTo>
                <a:lnTo>
                  <a:pt x="7535745" y="2149608"/>
                </a:lnTo>
                <a:cubicBezTo>
                  <a:pt x="7359209" y="2149608"/>
                  <a:pt x="7141935" y="2149608"/>
                  <a:pt x="6874520" y="2149608"/>
                </a:cubicBezTo>
                <a:cubicBezTo>
                  <a:pt x="6685569" y="2149608"/>
                  <a:pt x="6531846" y="2303446"/>
                  <a:pt x="6531846" y="2493607"/>
                </a:cubicBezTo>
                <a:cubicBezTo>
                  <a:pt x="6531846" y="2493607"/>
                  <a:pt x="6531846" y="2493607"/>
                  <a:pt x="6531846" y="3881359"/>
                </a:cubicBezTo>
                <a:cubicBezTo>
                  <a:pt x="6531846" y="4064042"/>
                  <a:pt x="6459254" y="4239247"/>
                  <a:pt x="6330084" y="4368514"/>
                </a:cubicBezTo>
                <a:cubicBezTo>
                  <a:pt x="6330084" y="4368514"/>
                  <a:pt x="6330084" y="4368514"/>
                  <a:pt x="5309531" y="5390899"/>
                </a:cubicBezTo>
                <a:cubicBezTo>
                  <a:pt x="5181429" y="5520166"/>
                  <a:pt x="5006356" y="5592813"/>
                  <a:pt x="4823808" y="5592813"/>
                </a:cubicBezTo>
                <a:cubicBezTo>
                  <a:pt x="4823808" y="5592813"/>
                  <a:pt x="4823808" y="5592813"/>
                  <a:pt x="2789978" y="5592813"/>
                </a:cubicBezTo>
                <a:lnTo>
                  <a:pt x="2700739" y="5592813"/>
                </a:lnTo>
                <a:lnTo>
                  <a:pt x="2700739" y="5590664"/>
                </a:lnTo>
                <a:lnTo>
                  <a:pt x="1" y="5590664"/>
                </a:lnTo>
                <a:close/>
              </a:path>
            </a:pathLst>
          </a:custGeom>
        </p:spPr>
        <p:txBody>
          <a:bodyPr wrap="square" tIns="648000" anchor="ctr">
            <a:noAutofit/>
          </a:bodyPr>
          <a:lstStyle>
            <a:lvl1pPr marL="0" indent="0" algn="ctr">
              <a:buNone/>
              <a:defRPr/>
            </a:lvl1pPr>
          </a:lstStyle>
          <a:p>
            <a:r>
              <a:rPr lang="en-GB" dirty="0"/>
              <a:t>Click the placeholder and paste image via Images Library</a:t>
            </a:r>
          </a:p>
        </p:txBody>
      </p:sp>
      <p:sp>
        <p:nvSpPr>
          <p:cNvPr id="14" name="Text Placeholder 9">
            <a:extLst>
              <a:ext uri="{FF2B5EF4-FFF2-40B4-BE49-F238E27FC236}">
                <a16:creationId xmlns:a16="http://schemas.microsoft.com/office/drawing/2014/main" id="{A44F2F33-806D-4543-9B27-423F65D66892}"/>
              </a:ext>
            </a:extLst>
          </p:cNvPr>
          <p:cNvSpPr>
            <a:spLocks noGrp="1"/>
          </p:cNvSpPr>
          <p:nvPr>
            <p:ph type="body" sz="quarter" idx="16" hasCustomPrompt="1"/>
          </p:nvPr>
        </p:nvSpPr>
        <p:spPr>
          <a:xfrm>
            <a:off x="450000" y="439200"/>
            <a:ext cx="11307600" cy="14400"/>
          </a:xfrm>
          <a:solidFill>
            <a:srgbClr val="71004B"/>
          </a:solidFill>
        </p:spPr>
        <p:txBody>
          <a:bodyPr/>
          <a:lstStyle>
            <a:lvl1pPr marL="0" indent="0">
              <a:buNone/>
              <a:defRPr sz="100"/>
            </a:lvl1pPr>
          </a:lstStyle>
          <a:p>
            <a:pPr lvl="0"/>
            <a:r>
              <a:rPr lang="en-GB"/>
              <a:t>.</a:t>
            </a:r>
          </a:p>
        </p:txBody>
      </p:sp>
      <p:cxnSp>
        <p:nvCxnSpPr>
          <p:cNvPr id="15" name="Straight Connector 14">
            <a:extLst>
              <a:ext uri="{FF2B5EF4-FFF2-40B4-BE49-F238E27FC236}">
                <a16:creationId xmlns:a16="http://schemas.microsoft.com/office/drawing/2014/main" id="{38151F8E-BD67-4F08-91BE-60E29B5890DE}"/>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F8602B5-6C64-486B-8007-8CA07FC2CAD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17" name="Slide Number Placeholder 5">
            <a:extLst>
              <a:ext uri="{FF2B5EF4-FFF2-40B4-BE49-F238E27FC236}">
                <a16:creationId xmlns:a16="http://schemas.microsoft.com/office/drawing/2014/main" id="{71C7005B-C55E-B546-B4C9-25CADAFD343D}"/>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8" name="Text Placeholder 11">
            <a:extLst>
              <a:ext uri="{FF2B5EF4-FFF2-40B4-BE49-F238E27FC236}">
                <a16:creationId xmlns:a16="http://schemas.microsoft.com/office/drawing/2014/main" id="{34B5AE5F-B1A4-8F47-B3A6-DF00A106D3E7}"/>
              </a:ext>
            </a:extLst>
          </p:cNvPr>
          <p:cNvSpPr>
            <a:spLocks noGrp="1"/>
          </p:cNvSpPr>
          <p:nvPr>
            <p:ph type="body" sz="quarter" idx="17"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62824183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and picture C">
    <p:bg>
      <p:bgPr>
        <a:solidFill>
          <a:srgbClr val="71004B"/>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1306800" y="1684800"/>
            <a:ext cx="4261770" cy="312131"/>
          </a:xfrm>
          <a:prstGeom prst="rect">
            <a:avLst/>
          </a:prstGeom>
        </p:spPr>
        <p:txBody>
          <a:bodyPr/>
          <a:lstStyle>
            <a:lvl1pPr>
              <a:defRPr>
                <a:solidFill>
                  <a:schemeClr val="tx1"/>
                </a:solidFill>
              </a:defRPr>
            </a:lvl1pPr>
          </a:lstStyle>
          <a:p>
            <a:r>
              <a:rPr lang="en-US"/>
              <a:t>Click to edit Master title style</a:t>
            </a:r>
            <a:endParaRPr lang="en-GB"/>
          </a:p>
        </p:txBody>
      </p:sp>
      <p:sp>
        <p:nvSpPr>
          <p:cNvPr id="3" name="Content Placeholder 2"/>
          <p:cNvSpPr>
            <a:spLocks noGrp="1"/>
          </p:cNvSpPr>
          <p:nvPr>
            <p:ph sz="half" idx="1"/>
          </p:nvPr>
        </p:nvSpPr>
        <p:spPr>
          <a:xfrm>
            <a:off x="1306800" y="2088000"/>
            <a:ext cx="4261770" cy="327591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1"/>
                </a:solidFill>
              </a:defRPr>
            </a:lvl1pPr>
          </a:lstStyle>
          <a:p>
            <a:endParaRPr lang="en-GB" dirty="0"/>
          </a:p>
        </p:txBody>
      </p:sp>
      <p:sp>
        <p:nvSpPr>
          <p:cNvPr id="22" name="Picture Placeholder 21">
            <a:extLst>
              <a:ext uri="{FF2B5EF4-FFF2-40B4-BE49-F238E27FC236}">
                <a16:creationId xmlns:a16="http://schemas.microsoft.com/office/drawing/2014/main" id="{D8FBB3BA-0B3C-4A79-B30D-94B6B96F2CBB}"/>
              </a:ext>
            </a:extLst>
          </p:cNvPr>
          <p:cNvSpPr>
            <a:spLocks noGrp="1"/>
          </p:cNvSpPr>
          <p:nvPr>
            <p:ph type="pic" sz="quarter" idx="15" hasCustomPrompt="1"/>
          </p:nvPr>
        </p:nvSpPr>
        <p:spPr>
          <a:xfrm>
            <a:off x="6064250" y="0"/>
            <a:ext cx="6127750" cy="6858000"/>
          </a:xfrm>
          <a:custGeom>
            <a:avLst/>
            <a:gdLst>
              <a:gd name="connsiteX0" fmla="*/ 3628578 w 6127750"/>
              <a:gd name="connsiteY0" fmla="*/ 0 h 6858000"/>
              <a:gd name="connsiteX1" fmla="*/ 6127750 w 6127750"/>
              <a:gd name="connsiteY1" fmla="*/ 0 h 6858000"/>
              <a:gd name="connsiteX2" fmla="*/ 6127750 w 6127750"/>
              <a:gd name="connsiteY2" fmla="*/ 4539774 h 6858000"/>
              <a:gd name="connsiteX3" fmla="*/ 6116458 w 6127750"/>
              <a:gd name="connsiteY3" fmla="*/ 4539774 h 6858000"/>
              <a:gd name="connsiteX4" fmla="*/ 5628456 w 6127750"/>
              <a:gd name="connsiteY4" fmla="*/ 4539774 h 6858000"/>
              <a:gd name="connsiteX5" fmla="*/ 5481266 w 6127750"/>
              <a:gd name="connsiteY5" fmla="*/ 4687041 h 6858000"/>
              <a:gd name="connsiteX6" fmla="*/ 5481266 w 6127750"/>
              <a:gd name="connsiteY6" fmla="*/ 5292117 h 6858000"/>
              <a:gd name="connsiteX7" fmla="*/ 5391671 w 6127750"/>
              <a:gd name="connsiteY7" fmla="*/ 5503413 h 6858000"/>
              <a:gd name="connsiteX8" fmla="*/ 4950098 w 6127750"/>
              <a:gd name="connsiteY8" fmla="*/ 5945214 h 6858000"/>
              <a:gd name="connsiteX9" fmla="*/ 4738910 w 6127750"/>
              <a:gd name="connsiteY9" fmla="*/ 6031654 h 6858000"/>
              <a:gd name="connsiteX10" fmla="*/ 2643039 w 6127750"/>
              <a:gd name="connsiteY10" fmla="*/ 6031654 h 6858000"/>
              <a:gd name="connsiteX11" fmla="*/ 2492648 w 6127750"/>
              <a:gd name="connsiteY11" fmla="*/ 6182122 h 6858000"/>
              <a:gd name="connsiteX12" fmla="*/ 2492648 w 6127750"/>
              <a:gd name="connsiteY12" fmla="*/ 6858000 h 6858000"/>
              <a:gd name="connsiteX13" fmla="*/ 0 w 6127750"/>
              <a:gd name="connsiteY13" fmla="*/ 6858000 h 6858000"/>
              <a:gd name="connsiteX14" fmla="*/ 0 w 6127750"/>
              <a:gd name="connsiteY14" fmla="*/ 6829667 h 6858000"/>
              <a:gd name="connsiteX15" fmla="*/ 0 w 6127750"/>
              <a:gd name="connsiteY15" fmla="*/ 2244328 h 6858000"/>
              <a:gd name="connsiteX16" fmla="*/ 492770 w 6127750"/>
              <a:gd name="connsiteY16" fmla="*/ 2244328 h 6858000"/>
              <a:gd name="connsiteX17" fmla="*/ 639961 w 6127750"/>
              <a:gd name="connsiteY17" fmla="*/ 2093860 h 6858000"/>
              <a:gd name="connsiteX18" fmla="*/ 639961 w 6127750"/>
              <a:gd name="connsiteY18" fmla="*/ 1491986 h 6858000"/>
              <a:gd name="connsiteX19" fmla="*/ 729556 w 6127750"/>
              <a:gd name="connsiteY19" fmla="*/ 1280689 h 6858000"/>
              <a:gd name="connsiteX20" fmla="*/ 1171129 w 6127750"/>
              <a:gd name="connsiteY20" fmla="*/ 835687 h 6858000"/>
              <a:gd name="connsiteX21" fmla="*/ 1382316 w 6127750"/>
              <a:gd name="connsiteY21" fmla="*/ 749247 h 6858000"/>
              <a:gd name="connsiteX22" fmla="*/ 3478188 w 6127750"/>
              <a:gd name="connsiteY22" fmla="*/ 749247 h 6858000"/>
              <a:gd name="connsiteX23" fmla="*/ 3628578 w 6127750"/>
              <a:gd name="connsiteY23" fmla="*/ 598779 h 6858000"/>
              <a:gd name="connsiteX24" fmla="*/ 3628578 w 6127750"/>
              <a:gd name="connsiteY24" fmla="*/ 9493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6127750" h="6858000">
                <a:moveTo>
                  <a:pt x="3628578" y="0"/>
                </a:moveTo>
                <a:lnTo>
                  <a:pt x="6127750" y="0"/>
                </a:lnTo>
                <a:lnTo>
                  <a:pt x="6127750" y="4539774"/>
                </a:lnTo>
                <a:lnTo>
                  <a:pt x="6116458" y="4539774"/>
                </a:lnTo>
                <a:cubicBezTo>
                  <a:pt x="6071179" y="4539774"/>
                  <a:pt x="5950437" y="4539774"/>
                  <a:pt x="5628456" y="4539774"/>
                </a:cubicBezTo>
                <a:cubicBezTo>
                  <a:pt x="5548462" y="4539774"/>
                  <a:pt x="5481266" y="4607005"/>
                  <a:pt x="5481266" y="4687041"/>
                </a:cubicBezTo>
                <a:cubicBezTo>
                  <a:pt x="5481266" y="4687041"/>
                  <a:pt x="5481266" y="4687041"/>
                  <a:pt x="5481266" y="5292117"/>
                </a:cubicBezTo>
                <a:cubicBezTo>
                  <a:pt x="5481266" y="5368952"/>
                  <a:pt x="5449268" y="5445787"/>
                  <a:pt x="5391671" y="5503413"/>
                </a:cubicBezTo>
                <a:cubicBezTo>
                  <a:pt x="5391671" y="5503413"/>
                  <a:pt x="5391671" y="5503413"/>
                  <a:pt x="4950098" y="5945214"/>
                </a:cubicBezTo>
                <a:cubicBezTo>
                  <a:pt x="4892502" y="6002840"/>
                  <a:pt x="4815706" y="6031654"/>
                  <a:pt x="4738910" y="6031654"/>
                </a:cubicBezTo>
                <a:cubicBezTo>
                  <a:pt x="4738910" y="6031654"/>
                  <a:pt x="4738910" y="6031654"/>
                  <a:pt x="2643039" y="6031654"/>
                </a:cubicBezTo>
                <a:cubicBezTo>
                  <a:pt x="2559844" y="6031654"/>
                  <a:pt x="2492648" y="6098884"/>
                  <a:pt x="2492648" y="6182122"/>
                </a:cubicBezTo>
                <a:lnTo>
                  <a:pt x="2492648" y="6858000"/>
                </a:lnTo>
                <a:lnTo>
                  <a:pt x="0" y="6858000"/>
                </a:lnTo>
                <a:lnTo>
                  <a:pt x="0" y="6829667"/>
                </a:lnTo>
                <a:cubicBezTo>
                  <a:pt x="0" y="6611318"/>
                  <a:pt x="0" y="5737920"/>
                  <a:pt x="0" y="2244328"/>
                </a:cubicBezTo>
                <a:cubicBezTo>
                  <a:pt x="0" y="2244328"/>
                  <a:pt x="0" y="2244328"/>
                  <a:pt x="492770" y="2244328"/>
                </a:cubicBezTo>
                <a:cubicBezTo>
                  <a:pt x="575965" y="2244328"/>
                  <a:pt x="639961" y="2177098"/>
                  <a:pt x="639961" y="2093860"/>
                </a:cubicBezTo>
                <a:cubicBezTo>
                  <a:pt x="639961" y="2093860"/>
                  <a:pt x="639961" y="2093860"/>
                  <a:pt x="639961" y="1491986"/>
                </a:cubicBezTo>
                <a:cubicBezTo>
                  <a:pt x="639961" y="1411949"/>
                  <a:pt x="671959" y="1335114"/>
                  <a:pt x="729556" y="1280689"/>
                </a:cubicBezTo>
                <a:cubicBezTo>
                  <a:pt x="729556" y="1280689"/>
                  <a:pt x="729556" y="1280689"/>
                  <a:pt x="1171129" y="835687"/>
                </a:cubicBezTo>
                <a:cubicBezTo>
                  <a:pt x="1228725" y="781262"/>
                  <a:pt x="1305520" y="749247"/>
                  <a:pt x="1382316" y="749247"/>
                </a:cubicBezTo>
                <a:cubicBezTo>
                  <a:pt x="1382316" y="749247"/>
                  <a:pt x="1382316" y="749247"/>
                  <a:pt x="3478188" y="749247"/>
                </a:cubicBezTo>
                <a:cubicBezTo>
                  <a:pt x="3561382" y="749247"/>
                  <a:pt x="3628578" y="682017"/>
                  <a:pt x="3628578" y="598779"/>
                </a:cubicBezTo>
                <a:cubicBezTo>
                  <a:pt x="3628578" y="598779"/>
                  <a:pt x="3628578" y="598779"/>
                  <a:pt x="3628578" y="94936"/>
                </a:cubicBezTo>
                <a:close/>
              </a:path>
            </a:pathLst>
          </a:custGeom>
        </p:spPr>
        <p:txBody>
          <a:bodyPr wrap="square" tIns="792000" anchor="ctr">
            <a:noAutofit/>
          </a:bodyPr>
          <a:lstStyle>
            <a:lvl1pPr marL="0" indent="0" algn="ctr">
              <a:buNone/>
              <a:defRPr/>
            </a:lvl1pPr>
          </a:lstStyle>
          <a:p>
            <a:r>
              <a:rPr lang="en-GB" dirty="0"/>
              <a:t>Click the placeholder and paste image via Images Library</a:t>
            </a:r>
          </a:p>
          <a:p>
            <a:endParaRPr lang="en-GB" dirty="0"/>
          </a:p>
        </p:txBody>
      </p:sp>
      <p:cxnSp>
        <p:nvCxnSpPr>
          <p:cNvPr id="13" name="Straight Connector 12">
            <a:extLst>
              <a:ext uri="{FF2B5EF4-FFF2-40B4-BE49-F238E27FC236}">
                <a16:creationId xmlns:a16="http://schemas.microsoft.com/office/drawing/2014/main" id="{993CEDAA-1AB7-4019-8397-C9EFE60C1CD6}"/>
              </a:ext>
            </a:extLst>
          </p:cNvPr>
          <p:cNvCxnSpPr>
            <a:cxnSpLocks/>
          </p:cNvCxnSpPr>
          <p:nvPr userDrawn="1"/>
        </p:nvCxnSpPr>
        <p:spPr>
          <a:xfrm>
            <a:off x="11284744" y="6167142"/>
            <a:ext cx="472281"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sp>
        <p:nvSpPr>
          <p:cNvPr id="25" name="Text Placeholder 9">
            <a:extLst>
              <a:ext uri="{FF2B5EF4-FFF2-40B4-BE49-F238E27FC236}">
                <a16:creationId xmlns:a16="http://schemas.microsoft.com/office/drawing/2014/main" id="{EA5FA224-F064-4E88-A355-12D2DAF28A59}"/>
              </a:ext>
            </a:extLst>
          </p:cNvPr>
          <p:cNvSpPr>
            <a:spLocks noGrp="1"/>
          </p:cNvSpPr>
          <p:nvPr>
            <p:ph type="body" sz="quarter" idx="16" hasCustomPrompt="1"/>
          </p:nvPr>
        </p:nvSpPr>
        <p:spPr>
          <a:xfrm>
            <a:off x="450000" y="439200"/>
            <a:ext cx="11307600" cy="14400"/>
          </a:xfrm>
          <a:solidFill>
            <a:schemeClr val="tx1"/>
          </a:solidFill>
        </p:spPr>
        <p:txBody>
          <a:bodyPr/>
          <a:lstStyle>
            <a:lvl1pPr marL="0" indent="0">
              <a:buNone/>
              <a:defRPr sz="100"/>
            </a:lvl1pPr>
          </a:lstStyle>
          <a:p>
            <a:pPr lvl="0"/>
            <a:r>
              <a:rPr lang="en-GB"/>
              <a:t>.</a:t>
            </a:r>
          </a:p>
        </p:txBody>
      </p:sp>
      <p:sp>
        <p:nvSpPr>
          <p:cNvPr id="26" name="Text Placeholder 9">
            <a:extLst>
              <a:ext uri="{FF2B5EF4-FFF2-40B4-BE49-F238E27FC236}">
                <a16:creationId xmlns:a16="http://schemas.microsoft.com/office/drawing/2014/main" id="{EC70F2F7-EC86-4D94-B9CE-F8F1F4054533}"/>
              </a:ext>
            </a:extLst>
          </p:cNvPr>
          <p:cNvSpPr>
            <a:spLocks noGrp="1"/>
          </p:cNvSpPr>
          <p:nvPr>
            <p:ph type="body" sz="quarter" idx="17" hasCustomPrompt="1"/>
          </p:nvPr>
        </p:nvSpPr>
        <p:spPr>
          <a:xfrm>
            <a:off x="450000" y="6166800"/>
            <a:ext cx="9032400" cy="14400"/>
          </a:xfrm>
          <a:solidFill>
            <a:schemeClr val="tx1"/>
          </a:solidFill>
        </p:spPr>
        <p:txBody>
          <a:bodyPr/>
          <a:lstStyle>
            <a:lvl1pPr marL="0" indent="0">
              <a:buNone/>
              <a:defRPr sz="100"/>
            </a:lvl1pPr>
          </a:lstStyle>
          <a:p>
            <a:pPr lvl="0"/>
            <a:r>
              <a:rPr lang="en-GB"/>
              <a:t>.</a:t>
            </a:r>
          </a:p>
        </p:txBody>
      </p:sp>
      <p:sp>
        <p:nvSpPr>
          <p:cNvPr id="5" name="Date_GeneralDate" hidden="1"/>
          <p:cNvSpPr>
            <a:spLocks noGrp="1"/>
          </p:cNvSpPr>
          <p:nvPr>
            <p:ph type="dt" sz="half" idx="10"/>
          </p:nvPr>
        </p:nvSpPr>
        <p:spPr/>
        <p:txBody>
          <a:bodyPr/>
          <a:lstStyle/>
          <a:p>
            <a:endParaRPr lang="en-GB" dirty="0"/>
          </a:p>
        </p:txBody>
      </p:sp>
      <p:sp>
        <p:nvSpPr>
          <p:cNvPr id="12" name="Slide Number Placeholder 5">
            <a:extLst>
              <a:ext uri="{FF2B5EF4-FFF2-40B4-BE49-F238E27FC236}">
                <a16:creationId xmlns:a16="http://schemas.microsoft.com/office/drawing/2014/main" id="{176DC3AF-BCC8-B247-9832-27757B7FE0DB}"/>
              </a:ext>
            </a:extLst>
          </p:cNvPr>
          <p:cNvSpPr>
            <a:spLocks noGrp="1"/>
          </p:cNvSpPr>
          <p:nvPr>
            <p:ph type="sldNum" sz="quarter" idx="12"/>
          </p:nvPr>
        </p:nvSpPr>
        <p:spPr>
          <a:xfrm>
            <a:off x="11353800" y="6181983"/>
            <a:ext cx="403226" cy="256994"/>
          </a:xfrm>
          <a:prstGeom prst="rect">
            <a:avLst/>
          </a:prstGeom>
        </p:spPr>
        <p:txBody>
          <a:bodyPr/>
          <a:lstStyle>
            <a:lvl1pPr>
              <a:defRPr>
                <a:solidFill>
                  <a:schemeClr val="tx1"/>
                </a:solidFill>
              </a:defRPr>
            </a:lvl1pPr>
          </a:lstStyle>
          <a:p>
            <a:fld id="{24C8C45C-947F-4981-8B3F-4F32E973C901}" type="slidenum">
              <a:rPr lang="en-GB" smtClean="0"/>
              <a:pPr/>
              <a:t>‹#›</a:t>
            </a:fld>
            <a:endParaRPr lang="en-GB" dirty="0"/>
          </a:p>
        </p:txBody>
      </p:sp>
      <p:sp>
        <p:nvSpPr>
          <p:cNvPr id="14" name="Text Placeholder 11">
            <a:extLst>
              <a:ext uri="{FF2B5EF4-FFF2-40B4-BE49-F238E27FC236}">
                <a16:creationId xmlns:a16="http://schemas.microsoft.com/office/drawing/2014/main" id="{923C61A9-D867-2249-973A-FF2B14EB6D58}"/>
              </a:ext>
            </a:extLst>
          </p:cNvPr>
          <p:cNvSpPr>
            <a:spLocks noGrp="1"/>
          </p:cNvSpPr>
          <p:nvPr>
            <p:ph type="body" sz="quarter" idx="18" hasCustomPrompt="1"/>
          </p:nvPr>
        </p:nvSpPr>
        <p:spPr>
          <a:xfrm>
            <a:off x="9483725" y="6115624"/>
            <a:ext cx="1801019" cy="93792"/>
          </a:xfrm>
        </p:spPr>
        <p:txBody>
          <a:bodyPr/>
          <a:lstStyle>
            <a:lvl1pPr marL="0" indent="0" algn="ctr">
              <a:buNone/>
              <a:defRPr sz="900" b="1">
                <a:solidFill>
                  <a:schemeClr val="tx1"/>
                </a:solidFill>
              </a:defRPr>
            </a:lvl1pPr>
          </a:lstStyle>
          <a:p>
            <a:pPr lvl="0"/>
            <a:r>
              <a:rPr lang="en-US"/>
              <a:t>Insert title name</a:t>
            </a:r>
          </a:p>
        </p:txBody>
      </p:sp>
    </p:spTree>
    <p:extLst>
      <p:ext uri="{BB962C8B-B14F-4D97-AF65-F5344CB8AC3E}">
        <p14:creationId xmlns:p14="http://schemas.microsoft.com/office/powerpoint/2010/main" val="2181769194"/>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rontpage B">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13935" y="425727"/>
            <a:ext cx="11343090"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6" name="Picture Placeholder 15">
            <a:extLst>
              <a:ext uri="{FF2B5EF4-FFF2-40B4-BE49-F238E27FC236}">
                <a16:creationId xmlns:a16="http://schemas.microsoft.com/office/drawing/2014/main" id="{ACADDFDE-0E8A-4930-9AD1-57E8E07A4DEF}"/>
              </a:ext>
            </a:extLst>
          </p:cNvPr>
          <p:cNvSpPr>
            <a:spLocks noGrp="1"/>
          </p:cNvSpPr>
          <p:nvPr>
            <p:ph type="pic" sz="quarter" idx="14" hasCustomPrompt="1"/>
          </p:nvPr>
        </p:nvSpPr>
        <p:spPr>
          <a:xfrm>
            <a:off x="6766530" y="1035051"/>
            <a:ext cx="5425470" cy="4067490"/>
          </a:xfrm>
          <a:custGeom>
            <a:avLst/>
            <a:gdLst>
              <a:gd name="connsiteX0" fmla="*/ 3232830 w 5425470"/>
              <a:gd name="connsiteY0" fmla="*/ 0 h 4067490"/>
              <a:gd name="connsiteX1" fmla="*/ 5425470 w 5425470"/>
              <a:gd name="connsiteY1" fmla="*/ 0 h 4067490"/>
              <a:gd name="connsiteX2" fmla="*/ 5425470 w 5425470"/>
              <a:gd name="connsiteY2" fmla="*/ 2442889 h 4067490"/>
              <a:gd name="connsiteX3" fmla="*/ 5239839 w 5425470"/>
              <a:gd name="connsiteY3" fmla="*/ 2442889 h 4067490"/>
              <a:gd name="connsiteX4" fmla="*/ 3652289 w 5425470"/>
              <a:gd name="connsiteY4" fmla="*/ 2442889 h 4067490"/>
              <a:gd name="connsiteX5" fmla="*/ 3307466 w 5425470"/>
              <a:gd name="connsiteY5" fmla="*/ 2585992 h 4067490"/>
              <a:gd name="connsiteX6" fmla="*/ 2582900 w 5425470"/>
              <a:gd name="connsiteY6" fmla="*/ 3311337 h 4067490"/>
              <a:gd name="connsiteX7" fmla="*/ 2439952 w 5425470"/>
              <a:gd name="connsiteY7" fmla="*/ 3656531 h 4067490"/>
              <a:gd name="connsiteX8" fmla="*/ 2439952 w 5425470"/>
              <a:gd name="connsiteY8" fmla="*/ 4007802 h 4067490"/>
              <a:gd name="connsiteX9" fmla="*/ 2439952 w 5425470"/>
              <a:gd name="connsiteY9" fmla="*/ 4067490 h 4067490"/>
              <a:gd name="connsiteX10" fmla="*/ 0 w 5425470"/>
              <a:gd name="connsiteY10" fmla="*/ 4067490 h 4067490"/>
              <a:gd name="connsiteX11" fmla="*/ 0 w 5425470"/>
              <a:gd name="connsiteY11" fmla="*/ 4019211 h 4067490"/>
              <a:gd name="connsiteX12" fmla="*/ 0 w 5425470"/>
              <a:gd name="connsiteY12" fmla="*/ 3252348 h 4067490"/>
              <a:gd name="connsiteX13" fmla="*/ 571796 w 5425470"/>
              <a:gd name="connsiteY13" fmla="*/ 1870478 h 4067490"/>
              <a:gd name="connsiteX14" fmla="*/ 1868156 w 5425470"/>
              <a:gd name="connsiteY14" fmla="*/ 571630 h 4067490"/>
              <a:gd name="connsiteX15" fmla="*/ 3055717 w 5425470"/>
              <a:gd name="connsiteY15" fmla="*/ 8805 h 40674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5425470" h="4067490">
                <a:moveTo>
                  <a:pt x="3232830" y="0"/>
                </a:moveTo>
                <a:lnTo>
                  <a:pt x="5425470" y="0"/>
                </a:lnTo>
                <a:lnTo>
                  <a:pt x="5425470" y="2442889"/>
                </a:lnTo>
                <a:lnTo>
                  <a:pt x="5239839" y="2442889"/>
                </a:lnTo>
                <a:cubicBezTo>
                  <a:pt x="4815991" y="2442889"/>
                  <a:pt x="4294331" y="2442889"/>
                  <a:pt x="3652289" y="2442889"/>
                </a:cubicBezTo>
                <a:cubicBezTo>
                  <a:pt x="3523526" y="2442889"/>
                  <a:pt x="3399128" y="2494231"/>
                  <a:pt x="3307466" y="2585992"/>
                </a:cubicBezTo>
                <a:cubicBezTo>
                  <a:pt x="3307466" y="2585992"/>
                  <a:pt x="3307466" y="2585992"/>
                  <a:pt x="2582900" y="3311337"/>
                </a:cubicBezTo>
                <a:cubicBezTo>
                  <a:pt x="2491238" y="3403097"/>
                  <a:pt x="2439952" y="3526537"/>
                  <a:pt x="2439952" y="3656531"/>
                </a:cubicBezTo>
                <a:cubicBezTo>
                  <a:pt x="2439952" y="3656531"/>
                  <a:pt x="2439952" y="3656531"/>
                  <a:pt x="2439952" y="4007802"/>
                </a:cubicBezTo>
                <a:lnTo>
                  <a:pt x="2439952" y="4067490"/>
                </a:lnTo>
                <a:lnTo>
                  <a:pt x="0" y="4067490"/>
                </a:lnTo>
                <a:lnTo>
                  <a:pt x="0" y="4019211"/>
                </a:lnTo>
                <a:cubicBezTo>
                  <a:pt x="0" y="3890072"/>
                  <a:pt x="0" y="3660491"/>
                  <a:pt x="0" y="3252348"/>
                </a:cubicBezTo>
                <a:cubicBezTo>
                  <a:pt x="0" y="2733464"/>
                  <a:pt x="205148" y="2236428"/>
                  <a:pt x="571796" y="1870478"/>
                </a:cubicBezTo>
                <a:cubicBezTo>
                  <a:pt x="571796" y="1870478"/>
                  <a:pt x="571796" y="1870478"/>
                  <a:pt x="1868156" y="571630"/>
                </a:cubicBezTo>
                <a:cubicBezTo>
                  <a:pt x="2188018" y="251424"/>
                  <a:pt x="2608971" y="53326"/>
                  <a:pt x="3055717" y="8805"/>
                </a:cubicBezTo>
                <a:close/>
              </a:path>
            </a:pathLst>
          </a:custGeom>
          <a:solidFill>
            <a:schemeClr val="bg1"/>
          </a:solidFill>
        </p:spPr>
        <p:txBody>
          <a:bodyPr wrap="square" tIns="0" bIns="792000" anchor="ctr">
            <a:noAutofit/>
          </a:bodyPr>
          <a:lstStyle>
            <a:lvl1pPr marL="0" indent="0" algn="ctr">
              <a:buNone/>
              <a:defRPr/>
            </a:lvl1pPr>
          </a:lstStyle>
          <a:p>
            <a:r>
              <a:rPr lang="en-GB" dirty="0"/>
              <a:t>Click on the placeholder and paste</a:t>
            </a:r>
            <a:br>
              <a:rPr lang="en-GB" dirty="0"/>
            </a:br>
            <a:r>
              <a:rPr lang="en-GB" dirty="0"/>
              <a:t>images via Images Library </a:t>
            </a:r>
          </a:p>
        </p:txBody>
      </p:sp>
      <p:sp>
        <p:nvSpPr>
          <p:cNvPr id="17" name="Title 1">
            <a:extLst>
              <a:ext uri="{FF2B5EF4-FFF2-40B4-BE49-F238E27FC236}">
                <a16:creationId xmlns:a16="http://schemas.microsoft.com/office/drawing/2014/main" id="{4FA10349-E015-4509-9B05-8174E3B009CF}"/>
              </a:ext>
            </a:extLst>
          </p:cNvPr>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chemeClr val="tx2"/>
                </a:solidFill>
              </a:defRPr>
            </a:lvl1pPr>
          </a:lstStyle>
          <a:p>
            <a:r>
              <a:rPr lang="en-GB"/>
              <a:t>Click to insert title</a:t>
            </a:r>
          </a:p>
        </p:txBody>
      </p:sp>
      <p:sp>
        <p:nvSpPr>
          <p:cNvPr id="18" name="Text Placeholder 11">
            <a:extLst>
              <a:ext uri="{FF2B5EF4-FFF2-40B4-BE49-F238E27FC236}">
                <a16:creationId xmlns:a16="http://schemas.microsoft.com/office/drawing/2014/main" id="{7F7C7316-78D8-4B57-8A40-D3F60792D69C}"/>
              </a:ext>
            </a:extLst>
          </p:cNvPr>
          <p:cNvSpPr>
            <a:spLocks noGrp="1"/>
          </p:cNvSpPr>
          <p:nvPr>
            <p:ph type="body" sz="quarter" idx="13" hasCustomPrompt="1"/>
          </p:nvPr>
        </p:nvSpPr>
        <p:spPr>
          <a:xfrm>
            <a:off x="1203928" y="2844800"/>
            <a:ext cx="5425471"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19" name="Freeform 5">
            <a:extLst>
              <a:ext uri="{FF2B5EF4-FFF2-40B4-BE49-F238E27FC236}">
                <a16:creationId xmlns:a16="http://schemas.microsoft.com/office/drawing/2014/main" id="{E8A79778-26A8-46CC-ABAF-9C1052A704D6}"/>
              </a:ext>
            </a:extLst>
          </p:cNvPr>
          <p:cNvSpPr>
            <a:spLocks/>
          </p:cNvSpPr>
          <p:nvPr userDrawn="1"/>
        </p:nvSpPr>
        <p:spPr bwMode="auto">
          <a:xfrm>
            <a:off x="-10865"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39750834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ent and picture D">
    <p:spTree>
      <p:nvGrpSpPr>
        <p:cNvPr id="1" name=""/>
        <p:cNvGrpSpPr/>
        <p:nvPr/>
      </p:nvGrpSpPr>
      <p:grpSpPr>
        <a:xfrm>
          <a:off x="0" y="0"/>
          <a:ext cx="0" cy="0"/>
          <a:chOff x="0" y="0"/>
          <a:chExt cx="0" cy="0"/>
        </a:xfrm>
      </p:grpSpPr>
      <p:sp>
        <p:nvSpPr>
          <p:cNvPr id="2" name="Title 1"/>
          <p:cNvSpPr>
            <a:spLocks noGrp="1"/>
          </p:cNvSpPr>
          <p:nvPr>
            <p:ph type="title"/>
          </p:nvPr>
        </p:nvSpPr>
        <p:spPr>
          <a:xfrm>
            <a:off x="1306800" y="1684800"/>
            <a:ext cx="4259895" cy="283700"/>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306800" y="2088000"/>
            <a:ext cx="4259895" cy="3525400"/>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5" name="Picture Placeholder 24">
            <a:extLst>
              <a:ext uri="{FF2B5EF4-FFF2-40B4-BE49-F238E27FC236}">
                <a16:creationId xmlns:a16="http://schemas.microsoft.com/office/drawing/2014/main" id="{192BF900-62A9-46B9-87F7-AF796B8988F8}"/>
              </a:ext>
            </a:extLst>
          </p:cNvPr>
          <p:cNvSpPr>
            <a:spLocks noGrp="1"/>
          </p:cNvSpPr>
          <p:nvPr>
            <p:ph type="pic" sz="quarter" idx="13" hasCustomPrompt="1"/>
          </p:nvPr>
        </p:nvSpPr>
        <p:spPr>
          <a:xfrm>
            <a:off x="5781674" y="1238195"/>
            <a:ext cx="6410327" cy="4921200"/>
          </a:xfrm>
          <a:custGeom>
            <a:avLst/>
            <a:gdLst>
              <a:gd name="connsiteX0" fmla="*/ 3319872 w 6410327"/>
              <a:gd name="connsiteY0" fmla="*/ 0 h 4921200"/>
              <a:gd name="connsiteX1" fmla="*/ 3325583 w 6410327"/>
              <a:gd name="connsiteY1" fmla="*/ 0 h 4921200"/>
              <a:gd name="connsiteX2" fmla="*/ 3339147 w 6410327"/>
              <a:gd name="connsiteY2" fmla="*/ 0 h 4921200"/>
              <a:gd name="connsiteX3" fmla="*/ 3365560 w 6410327"/>
              <a:gd name="connsiteY3" fmla="*/ 0 h 4921200"/>
              <a:gd name="connsiteX4" fmla="*/ 3409106 w 6410327"/>
              <a:gd name="connsiteY4" fmla="*/ 0 h 4921200"/>
              <a:gd name="connsiteX5" fmla="*/ 3474068 w 6410327"/>
              <a:gd name="connsiteY5" fmla="*/ 0 h 4921200"/>
              <a:gd name="connsiteX6" fmla="*/ 3564730 w 6410327"/>
              <a:gd name="connsiteY6" fmla="*/ 0 h 4921200"/>
              <a:gd name="connsiteX7" fmla="*/ 3685374 w 6410327"/>
              <a:gd name="connsiteY7" fmla="*/ 0 h 4921200"/>
              <a:gd name="connsiteX8" fmla="*/ 3840284 w 6410327"/>
              <a:gd name="connsiteY8" fmla="*/ 0 h 4921200"/>
              <a:gd name="connsiteX9" fmla="*/ 3931928 w 6410327"/>
              <a:gd name="connsiteY9" fmla="*/ 0 h 4921200"/>
              <a:gd name="connsiteX10" fmla="*/ 4033744 w 6410327"/>
              <a:gd name="connsiteY10" fmla="*/ 0 h 4921200"/>
              <a:gd name="connsiteX11" fmla="*/ 4146268 w 6410327"/>
              <a:gd name="connsiteY11" fmla="*/ 0 h 4921200"/>
              <a:gd name="connsiteX12" fmla="*/ 4270035 w 6410327"/>
              <a:gd name="connsiteY12" fmla="*/ 0 h 4921200"/>
              <a:gd name="connsiteX13" fmla="*/ 4405581 w 6410327"/>
              <a:gd name="connsiteY13" fmla="*/ 0 h 4921200"/>
              <a:gd name="connsiteX14" fmla="*/ 4553442 w 6410327"/>
              <a:gd name="connsiteY14" fmla="*/ 0 h 4921200"/>
              <a:gd name="connsiteX15" fmla="*/ 4714152 w 6410327"/>
              <a:gd name="connsiteY15" fmla="*/ 0 h 4921200"/>
              <a:gd name="connsiteX16" fmla="*/ 4888248 w 6410327"/>
              <a:gd name="connsiteY16" fmla="*/ 0 h 4921200"/>
              <a:gd name="connsiteX17" fmla="*/ 5076264 w 6410327"/>
              <a:gd name="connsiteY17" fmla="*/ 0 h 4921200"/>
              <a:gd name="connsiteX18" fmla="*/ 5278736 w 6410327"/>
              <a:gd name="connsiteY18" fmla="*/ 0 h 4921200"/>
              <a:gd name="connsiteX19" fmla="*/ 5496199 w 6410327"/>
              <a:gd name="connsiteY19" fmla="*/ 0 h 4921200"/>
              <a:gd name="connsiteX20" fmla="*/ 5729189 w 6410327"/>
              <a:gd name="connsiteY20" fmla="*/ 0 h 4921200"/>
              <a:gd name="connsiteX21" fmla="*/ 5978241 w 6410327"/>
              <a:gd name="connsiteY21" fmla="*/ 0 h 4921200"/>
              <a:gd name="connsiteX22" fmla="*/ 6243890 w 6410327"/>
              <a:gd name="connsiteY22" fmla="*/ 0 h 4921200"/>
              <a:gd name="connsiteX23" fmla="*/ 6410327 w 6410327"/>
              <a:gd name="connsiteY23" fmla="*/ 0 h 4921200"/>
              <a:gd name="connsiteX24" fmla="*/ 6410327 w 6410327"/>
              <a:gd name="connsiteY24" fmla="*/ 2528642 h 4921200"/>
              <a:gd name="connsiteX25" fmla="*/ 6390336 w 6410327"/>
              <a:gd name="connsiteY25" fmla="*/ 2528642 h 4921200"/>
              <a:gd name="connsiteX26" fmla="*/ 3740149 w 6410327"/>
              <a:gd name="connsiteY26" fmla="*/ 2528642 h 4921200"/>
              <a:gd name="connsiteX27" fmla="*/ 3386565 w 6410327"/>
              <a:gd name="connsiteY27" fmla="*/ 2676503 h 4921200"/>
              <a:gd name="connsiteX28" fmla="*/ 2644464 w 6410327"/>
              <a:gd name="connsiteY28" fmla="*/ 3427596 h 4921200"/>
              <a:gd name="connsiteX29" fmla="*/ 2498373 w 6410327"/>
              <a:gd name="connsiteY29" fmla="*/ 3785463 h 4921200"/>
              <a:gd name="connsiteX30" fmla="*/ 2498373 w 6410327"/>
              <a:gd name="connsiteY30" fmla="*/ 4263250 h 4921200"/>
              <a:gd name="connsiteX31" fmla="*/ 2498373 w 6410327"/>
              <a:gd name="connsiteY31" fmla="*/ 4341255 h 4921200"/>
              <a:gd name="connsiteX32" fmla="*/ 2498400 w 6410327"/>
              <a:gd name="connsiteY32" fmla="*/ 4341255 h 4921200"/>
              <a:gd name="connsiteX33" fmla="*/ 2498400 w 6410327"/>
              <a:gd name="connsiteY33" fmla="*/ 4921200 h 4921200"/>
              <a:gd name="connsiteX34" fmla="*/ 0 w 6410327"/>
              <a:gd name="connsiteY34" fmla="*/ 4921200 h 4921200"/>
              <a:gd name="connsiteX35" fmla="*/ 0 w 6410327"/>
              <a:gd name="connsiteY35" fmla="*/ 4341255 h 4921200"/>
              <a:gd name="connsiteX36" fmla="*/ 1 w 6410327"/>
              <a:gd name="connsiteY36" fmla="*/ 4341255 h 4921200"/>
              <a:gd name="connsiteX37" fmla="*/ 1 w 6410327"/>
              <a:gd name="connsiteY37" fmla="*/ 4265945 h 4921200"/>
              <a:gd name="connsiteX38" fmla="*/ 1 w 6410327"/>
              <a:gd name="connsiteY38" fmla="*/ 3366522 h 4921200"/>
              <a:gd name="connsiteX39" fmla="*/ 585425 w 6410327"/>
              <a:gd name="connsiteY39" fmla="*/ 1936126 h 4921200"/>
              <a:gd name="connsiteX40" fmla="*/ 1912950 w 6410327"/>
              <a:gd name="connsiteY40" fmla="*/ 592517 h 4921200"/>
              <a:gd name="connsiteX41" fmla="*/ 3319872 w 6410327"/>
              <a:gd name="connsiteY41" fmla="*/ 0 h 4921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6410327" h="4921200">
                <a:moveTo>
                  <a:pt x="3319872" y="0"/>
                </a:moveTo>
                <a:lnTo>
                  <a:pt x="3325583" y="0"/>
                </a:lnTo>
                <a:lnTo>
                  <a:pt x="3339147" y="0"/>
                </a:lnTo>
                <a:lnTo>
                  <a:pt x="3365560" y="0"/>
                </a:lnTo>
                <a:lnTo>
                  <a:pt x="3409106" y="0"/>
                </a:lnTo>
                <a:lnTo>
                  <a:pt x="3474068" y="0"/>
                </a:lnTo>
                <a:lnTo>
                  <a:pt x="3564730" y="0"/>
                </a:lnTo>
                <a:lnTo>
                  <a:pt x="3685374" y="0"/>
                </a:lnTo>
                <a:lnTo>
                  <a:pt x="3840284" y="0"/>
                </a:lnTo>
                <a:lnTo>
                  <a:pt x="3931928" y="0"/>
                </a:lnTo>
                <a:lnTo>
                  <a:pt x="4033744" y="0"/>
                </a:lnTo>
                <a:lnTo>
                  <a:pt x="4146268" y="0"/>
                </a:lnTo>
                <a:lnTo>
                  <a:pt x="4270035" y="0"/>
                </a:lnTo>
                <a:lnTo>
                  <a:pt x="4405581" y="0"/>
                </a:lnTo>
                <a:lnTo>
                  <a:pt x="4553442" y="0"/>
                </a:lnTo>
                <a:lnTo>
                  <a:pt x="4714152" y="0"/>
                </a:lnTo>
                <a:lnTo>
                  <a:pt x="4888248" y="0"/>
                </a:lnTo>
                <a:lnTo>
                  <a:pt x="5076264" y="0"/>
                </a:lnTo>
                <a:lnTo>
                  <a:pt x="5278736" y="0"/>
                </a:lnTo>
                <a:lnTo>
                  <a:pt x="5496199" y="0"/>
                </a:lnTo>
                <a:lnTo>
                  <a:pt x="5729189" y="0"/>
                </a:lnTo>
                <a:lnTo>
                  <a:pt x="5978241" y="0"/>
                </a:lnTo>
                <a:lnTo>
                  <a:pt x="6243890" y="0"/>
                </a:lnTo>
                <a:lnTo>
                  <a:pt x="6410327" y="0"/>
                </a:lnTo>
                <a:lnTo>
                  <a:pt x="6410327" y="2528642"/>
                </a:lnTo>
                <a:lnTo>
                  <a:pt x="6390336" y="2528642"/>
                </a:lnTo>
                <a:cubicBezTo>
                  <a:pt x="5876734" y="2528642"/>
                  <a:pt x="5054970" y="2528642"/>
                  <a:pt x="3740149" y="2528642"/>
                </a:cubicBezTo>
                <a:cubicBezTo>
                  <a:pt x="3607820" y="2528642"/>
                  <a:pt x="3480784" y="2582215"/>
                  <a:pt x="3386565" y="2676503"/>
                </a:cubicBezTo>
                <a:cubicBezTo>
                  <a:pt x="3386565" y="2676503"/>
                  <a:pt x="3386565" y="2676503"/>
                  <a:pt x="2644464" y="3427596"/>
                </a:cubicBezTo>
                <a:cubicBezTo>
                  <a:pt x="2551305" y="3522955"/>
                  <a:pt x="2498373" y="3651530"/>
                  <a:pt x="2498373" y="3785463"/>
                </a:cubicBezTo>
                <a:cubicBezTo>
                  <a:pt x="2498373" y="3785463"/>
                  <a:pt x="2498373" y="3785463"/>
                  <a:pt x="2498373" y="4263250"/>
                </a:cubicBezTo>
                <a:lnTo>
                  <a:pt x="2498373" y="4341255"/>
                </a:lnTo>
                <a:lnTo>
                  <a:pt x="2498400" y="4341255"/>
                </a:lnTo>
                <a:lnTo>
                  <a:pt x="2498400" y="4921200"/>
                </a:lnTo>
                <a:lnTo>
                  <a:pt x="0" y="4921200"/>
                </a:lnTo>
                <a:lnTo>
                  <a:pt x="0" y="4341255"/>
                </a:lnTo>
                <a:lnTo>
                  <a:pt x="1" y="4341255"/>
                </a:lnTo>
                <a:lnTo>
                  <a:pt x="1" y="4265945"/>
                </a:lnTo>
                <a:cubicBezTo>
                  <a:pt x="1" y="4047166"/>
                  <a:pt x="1" y="3755462"/>
                  <a:pt x="1" y="3366522"/>
                </a:cubicBezTo>
                <a:cubicBezTo>
                  <a:pt x="1" y="2829722"/>
                  <a:pt x="209610" y="2315422"/>
                  <a:pt x="585425" y="1936126"/>
                </a:cubicBezTo>
                <a:cubicBezTo>
                  <a:pt x="585425" y="1936126"/>
                  <a:pt x="585425" y="1936126"/>
                  <a:pt x="1912950" y="592517"/>
                </a:cubicBezTo>
                <a:cubicBezTo>
                  <a:pt x="2286647" y="214292"/>
                  <a:pt x="2791614" y="1072"/>
                  <a:pt x="3319872" y="0"/>
                </a:cubicBezTo>
                <a:close/>
              </a:path>
            </a:pathLst>
          </a:custGeom>
        </p:spPr>
        <p:txBody>
          <a:bodyPr wrap="square" tIns="0" bIns="720000" anchor="ctr" anchorCtr="0">
            <a:noAutofit/>
          </a:bodyPr>
          <a:lstStyle>
            <a:lvl1pPr marL="0" indent="0" algn="ctr">
              <a:buNone/>
              <a:defRPr sz="1400"/>
            </a:lvl1pPr>
          </a:lstStyle>
          <a:p>
            <a:r>
              <a:rPr lang="en-GB" dirty="0"/>
              <a:t>Click the placeholder and paste image via Images Library</a:t>
            </a:r>
          </a:p>
          <a:p>
            <a:endParaRPr lang="en-GB" dirty="0"/>
          </a:p>
        </p:txBody>
      </p:sp>
      <p:sp>
        <p:nvSpPr>
          <p:cNvPr id="4" name="Date_GeneralDate" hidden="1"/>
          <p:cNvSpPr>
            <a:spLocks noGrp="1"/>
          </p:cNvSpPr>
          <p:nvPr>
            <p:ph type="dt" sz="half" idx="10"/>
          </p:nvPr>
        </p:nvSpPr>
        <p:spPr/>
        <p:txBody>
          <a:bodyPr/>
          <a:lstStyle/>
          <a:p>
            <a:endParaRPr lang="en-GB" noProof="0" dirty="0"/>
          </a:p>
        </p:txBody>
      </p:sp>
      <p:sp>
        <p:nvSpPr>
          <p:cNvPr id="9" name="Slide Number Placeholder 5">
            <a:extLst>
              <a:ext uri="{FF2B5EF4-FFF2-40B4-BE49-F238E27FC236}">
                <a16:creationId xmlns:a16="http://schemas.microsoft.com/office/drawing/2014/main" id="{457B9C14-8376-4541-A94D-D4F45432478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B3CF30A0-7D0C-E548-977D-FDABF12977F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64052817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6" name="Picture Placeholder 25">
            <a:extLst>
              <a:ext uri="{FF2B5EF4-FFF2-40B4-BE49-F238E27FC236}">
                <a16:creationId xmlns:a16="http://schemas.microsoft.com/office/drawing/2014/main" id="{9C1F3E16-A295-4956-A323-4F3338842D4D}"/>
              </a:ext>
            </a:extLst>
          </p:cNvPr>
          <p:cNvSpPr>
            <a:spLocks noGrp="1"/>
          </p:cNvSpPr>
          <p:nvPr>
            <p:ph type="pic" sz="quarter" idx="15" hasCustomPrompt="1"/>
          </p:nvPr>
        </p:nvSpPr>
        <p:spPr>
          <a:xfrm>
            <a:off x="0" y="0"/>
            <a:ext cx="12190413" cy="5925440"/>
          </a:xfrm>
          <a:custGeom>
            <a:avLst/>
            <a:gdLst>
              <a:gd name="connsiteX0" fmla="*/ 5615557 w 12190413"/>
              <a:gd name="connsiteY0" fmla="*/ 0 h 5925440"/>
              <a:gd name="connsiteX1" fmla="*/ 12190413 w 12190413"/>
              <a:gd name="connsiteY1" fmla="*/ 0 h 5925440"/>
              <a:gd name="connsiteX2" fmla="*/ 12190413 w 12190413"/>
              <a:gd name="connsiteY2" fmla="*/ 2443220 h 5925440"/>
              <a:gd name="connsiteX3" fmla="*/ 12062985 w 12190413"/>
              <a:gd name="connsiteY3" fmla="*/ 2443220 h 5925440"/>
              <a:gd name="connsiteX4" fmla="*/ 10119716 w 12190413"/>
              <a:gd name="connsiteY4" fmla="*/ 2443220 h 5925440"/>
              <a:gd name="connsiteX5" fmla="*/ 10119716 w 12190413"/>
              <a:gd name="connsiteY5" fmla="*/ 2446380 h 5925440"/>
              <a:gd name="connsiteX6" fmla="*/ 9033697 w 12190413"/>
              <a:gd name="connsiteY6" fmla="*/ 2446380 h 5925440"/>
              <a:gd name="connsiteX7" fmla="*/ 8686424 w 12190413"/>
              <a:gd name="connsiteY7" fmla="*/ 2794076 h 5925440"/>
              <a:gd name="connsiteX8" fmla="*/ 8686424 w 12190413"/>
              <a:gd name="connsiteY8" fmla="*/ 4195393 h 5925440"/>
              <a:gd name="connsiteX9" fmla="*/ 8483321 w 12190413"/>
              <a:gd name="connsiteY9" fmla="*/ 4687434 h 5925440"/>
              <a:gd name="connsiteX10" fmla="*/ 7452025 w 12190413"/>
              <a:gd name="connsiteY10" fmla="*/ 5719984 h 5925440"/>
              <a:gd name="connsiteX11" fmla="*/ 6960581 w 12190413"/>
              <a:gd name="connsiteY11" fmla="*/ 5924387 h 5925440"/>
              <a:gd name="connsiteX12" fmla="*/ 2086125 w 12190413"/>
              <a:gd name="connsiteY12" fmla="*/ 5924387 h 5925440"/>
              <a:gd name="connsiteX13" fmla="*/ 2061921 w 12190413"/>
              <a:gd name="connsiteY13" fmla="*/ 5925440 h 5925440"/>
              <a:gd name="connsiteX14" fmla="*/ 111803 w 12190413"/>
              <a:gd name="connsiteY14" fmla="*/ 5925440 h 5925440"/>
              <a:gd name="connsiteX15" fmla="*/ 0 w 12190413"/>
              <a:gd name="connsiteY15" fmla="*/ 5925440 h 5925440"/>
              <a:gd name="connsiteX16" fmla="*/ 0 w 12190413"/>
              <a:gd name="connsiteY16" fmla="*/ 2443220 h 5925440"/>
              <a:gd name="connsiteX17" fmla="*/ 48223 w 12190413"/>
              <a:gd name="connsiteY17" fmla="*/ 2443220 h 5925440"/>
              <a:gd name="connsiteX18" fmla="*/ 3910889 w 12190413"/>
              <a:gd name="connsiteY18" fmla="*/ 2443220 h 5925440"/>
              <a:gd name="connsiteX19" fmla="*/ 3910889 w 12190413"/>
              <a:gd name="connsiteY19" fmla="*/ 2440059 h 5925440"/>
              <a:gd name="connsiteX20" fmla="*/ 4865364 w 12190413"/>
              <a:gd name="connsiteY20" fmla="*/ 2440059 h 5925440"/>
              <a:gd name="connsiteX21" fmla="*/ 5212639 w 12190413"/>
              <a:gd name="connsiteY21" fmla="*/ 2092364 h 5925440"/>
              <a:gd name="connsiteX22" fmla="*/ 5212639 w 12190413"/>
              <a:gd name="connsiteY22" fmla="*/ 691046 h 5925440"/>
              <a:gd name="connsiteX23" fmla="*/ 5416793 w 12190413"/>
              <a:gd name="connsiteY23" fmla="*/ 199005 h 5925440"/>
              <a:gd name="connsiteX24" fmla="*/ 5600342 w 12190413"/>
              <a:gd name="connsiteY24" fmla="*/ 15233 h 59254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2190413" h="5925440">
                <a:moveTo>
                  <a:pt x="5615557" y="0"/>
                </a:moveTo>
                <a:lnTo>
                  <a:pt x="12190413" y="0"/>
                </a:lnTo>
                <a:lnTo>
                  <a:pt x="12190413" y="2443220"/>
                </a:lnTo>
                <a:lnTo>
                  <a:pt x="12062985" y="2443220"/>
                </a:lnTo>
                <a:cubicBezTo>
                  <a:pt x="11544166" y="2443220"/>
                  <a:pt x="10905619" y="2443220"/>
                  <a:pt x="10119716" y="2443220"/>
                </a:cubicBezTo>
                <a:cubicBezTo>
                  <a:pt x="10119716" y="2443220"/>
                  <a:pt x="10119716" y="2443220"/>
                  <a:pt x="10119716" y="2446380"/>
                </a:cubicBezTo>
                <a:cubicBezTo>
                  <a:pt x="10119716" y="2446380"/>
                  <a:pt x="10119716" y="2446380"/>
                  <a:pt x="9033697" y="2446380"/>
                </a:cubicBezTo>
                <a:cubicBezTo>
                  <a:pt x="8842170" y="2446380"/>
                  <a:pt x="8686424" y="2601263"/>
                  <a:pt x="8686424" y="2794076"/>
                </a:cubicBezTo>
                <a:cubicBezTo>
                  <a:pt x="8686424" y="2794076"/>
                  <a:pt x="8686424" y="2794076"/>
                  <a:pt x="8686424" y="4195393"/>
                </a:cubicBezTo>
                <a:cubicBezTo>
                  <a:pt x="8686424" y="4379777"/>
                  <a:pt x="8613812" y="4556785"/>
                  <a:pt x="8483321" y="4687434"/>
                </a:cubicBezTo>
                <a:cubicBezTo>
                  <a:pt x="8483321" y="4687434"/>
                  <a:pt x="8483321" y="4687434"/>
                  <a:pt x="7452025" y="5719984"/>
                </a:cubicBezTo>
                <a:cubicBezTo>
                  <a:pt x="7321534" y="5850633"/>
                  <a:pt x="7144741" y="5924387"/>
                  <a:pt x="6960581" y="5924387"/>
                </a:cubicBezTo>
                <a:lnTo>
                  <a:pt x="2086125" y="5924387"/>
                </a:lnTo>
                <a:cubicBezTo>
                  <a:pt x="2077706" y="5924387"/>
                  <a:pt x="2070340" y="5924387"/>
                  <a:pt x="2061921" y="5925440"/>
                </a:cubicBezTo>
                <a:cubicBezTo>
                  <a:pt x="2061921" y="5925440"/>
                  <a:pt x="2061921" y="5925440"/>
                  <a:pt x="111803" y="5925440"/>
                </a:cubicBezTo>
                <a:lnTo>
                  <a:pt x="0" y="5925440"/>
                </a:lnTo>
                <a:lnTo>
                  <a:pt x="0" y="2443220"/>
                </a:lnTo>
                <a:lnTo>
                  <a:pt x="48223" y="2443220"/>
                </a:lnTo>
                <a:cubicBezTo>
                  <a:pt x="502110" y="2443220"/>
                  <a:pt x="1539564" y="2443220"/>
                  <a:pt x="3910889" y="2443220"/>
                </a:cubicBezTo>
                <a:cubicBezTo>
                  <a:pt x="3910889" y="2443220"/>
                  <a:pt x="3910889" y="2443220"/>
                  <a:pt x="3910889" y="2440059"/>
                </a:cubicBezTo>
                <a:cubicBezTo>
                  <a:pt x="3910889" y="2440059"/>
                  <a:pt x="3910889" y="2440059"/>
                  <a:pt x="4865364" y="2440059"/>
                </a:cubicBezTo>
                <a:cubicBezTo>
                  <a:pt x="5056891" y="2440059"/>
                  <a:pt x="5212639" y="2285176"/>
                  <a:pt x="5212639" y="2092364"/>
                </a:cubicBezTo>
                <a:cubicBezTo>
                  <a:pt x="5212639" y="2092364"/>
                  <a:pt x="5212639" y="2092364"/>
                  <a:pt x="5212639" y="691046"/>
                </a:cubicBezTo>
                <a:cubicBezTo>
                  <a:pt x="5212639" y="505609"/>
                  <a:pt x="5286302" y="329654"/>
                  <a:pt x="5416793" y="199005"/>
                </a:cubicBezTo>
                <a:cubicBezTo>
                  <a:pt x="5416793" y="199005"/>
                  <a:pt x="5416793" y="199005"/>
                  <a:pt x="5600342" y="15233"/>
                </a:cubicBezTo>
                <a:close/>
              </a:path>
            </a:pathLst>
          </a:custGeom>
        </p:spPr>
        <p:txBody>
          <a:bodyPr wrap="square" tIns="756000" anchor="ctr" anchorCtr="0">
            <a:noAutofit/>
          </a:bodyPr>
          <a:lstStyle>
            <a:lvl1pPr marL="0" indent="0" algn="ctr">
              <a:buNone/>
              <a:defRPr/>
            </a:lvl1pPr>
          </a:lstStyle>
          <a:p>
            <a:r>
              <a:rPr lang="en-GB" dirty="0"/>
              <a:t>Click the placeholder and paste image via Images Library</a:t>
            </a:r>
          </a:p>
        </p:txBody>
      </p:sp>
      <p:cxnSp>
        <p:nvCxnSpPr>
          <p:cNvPr id="27" name="Straight Connector 26">
            <a:extLst>
              <a:ext uri="{FF2B5EF4-FFF2-40B4-BE49-F238E27FC236}">
                <a16:creationId xmlns:a16="http://schemas.microsoft.com/office/drawing/2014/main" id="{97BD2242-22E4-4C3D-97A7-1C43C62F7D1E}"/>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4041998C-C1E7-4C3E-94B7-BC437BE511B5}"/>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ADEFC2AB-26EF-7C46-A1EE-92E31A16F60D}"/>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E2C78D93-B37B-4843-91FA-A9CB71DE0AF8}"/>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75705326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1306800" y="1684800"/>
            <a:ext cx="4537201"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306800" y="2088000"/>
            <a:ext cx="4537201"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348000" y="2088000"/>
            <a:ext cx="4563300" cy="3525399"/>
          </a:xfrm>
        </p:spPr>
        <p:txBody>
          <a:bodyPr/>
          <a:lstStyle>
            <a:lvl5pPr>
              <a:defRPr/>
            </a:lvl5pPr>
            <a:lvl6pPr>
              <a:buNone/>
              <a:defRPr/>
            </a:lvl6pPr>
            <a:lvl7pPr marL="0" indent="0">
              <a:buNone/>
              <a:defRPr/>
            </a:lvl7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482B1288-9799-8141-971F-670EB9353CF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88B1E7EB-5A77-9145-87DE-1923D3CA857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9307513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wo content B">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3913E16C-D520-4B42-8955-558E1E6CF62E}"/>
              </a:ext>
            </a:extLst>
          </p:cNvPr>
          <p:cNvSpPr/>
          <p:nvPr userDrawn="1"/>
        </p:nvSpPr>
        <p:spPr>
          <a:xfrm>
            <a:off x="0" y="-9427"/>
            <a:ext cx="6096000" cy="6867427"/>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1306800" y="1684800"/>
            <a:ext cx="4537201"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306800" y="2088000"/>
            <a:ext cx="4537201"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348000" y="2088000"/>
            <a:ext cx="4563300" cy="35253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5" name="Straight Connector 14">
            <a:extLst>
              <a:ext uri="{FF2B5EF4-FFF2-40B4-BE49-F238E27FC236}">
                <a16:creationId xmlns:a16="http://schemas.microsoft.com/office/drawing/2014/main" id="{5CCD30BC-C98C-44FF-8590-3537A5827C9F}"/>
              </a:ext>
            </a:extLst>
          </p:cNvPr>
          <p:cNvCxnSpPr>
            <a:cxnSpLocks/>
          </p:cNvCxnSpPr>
          <p:nvPr userDrawn="1"/>
        </p:nvCxnSpPr>
        <p:spPr>
          <a:xfrm>
            <a:off x="450850" y="439442"/>
            <a:ext cx="113061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063E454-6651-4C44-BC7F-D64CD826791D}"/>
              </a:ext>
            </a:extLst>
          </p:cNvPr>
          <p:cNvCxnSpPr>
            <a:cxnSpLocks/>
          </p:cNvCxnSpPr>
          <p:nvPr userDrawn="1"/>
        </p:nvCxnSpPr>
        <p:spPr>
          <a:xfrm>
            <a:off x="450850" y="6167142"/>
            <a:ext cx="90328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29688F9D-CDB5-4AE6-8DC8-AFD0BA0C6534}"/>
              </a:ext>
            </a:extLst>
          </p:cNvPr>
          <p:cNvCxnSpPr>
            <a:cxnSpLocks/>
          </p:cNvCxnSpPr>
          <p:nvPr userDrawn="1"/>
        </p:nvCxnSpPr>
        <p:spPr>
          <a:xfrm>
            <a:off x="11284744" y="6167142"/>
            <a:ext cx="472281"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18" name="Slide Number Placeholder 5">
            <a:extLst>
              <a:ext uri="{FF2B5EF4-FFF2-40B4-BE49-F238E27FC236}">
                <a16:creationId xmlns:a16="http://schemas.microsoft.com/office/drawing/2014/main" id="{70004D42-6B12-D243-8EE1-5E1B743CD413}"/>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9" name="Text Placeholder 11">
            <a:extLst>
              <a:ext uri="{FF2B5EF4-FFF2-40B4-BE49-F238E27FC236}">
                <a16:creationId xmlns:a16="http://schemas.microsoft.com/office/drawing/2014/main" id="{8F214204-E9A7-E14B-A82B-E3F40502B0E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84523755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15" name="Freeform: Shape 14">
            <a:extLst>
              <a:ext uri="{FF2B5EF4-FFF2-40B4-BE49-F238E27FC236}">
                <a16:creationId xmlns:a16="http://schemas.microsoft.com/office/drawing/2014/main" id="{7F38A28E-9279-4D7A-9F7B-B0E1559F278C}"/>
              </a:ext>
            </a:extLst>
          </p:cNvPr>
          <p:cNvSpPr>
            <a:spLocks/>
          </p:cNvSpPr>
          <p:nvPr userDrawn="1"/>
        </p:nvSpPr>
        <p:spPr bwMode="auto">
          <a:xfrm>
            <a:off x="5525123" y="3169286"/>
            <a:ext cx="6666878" cy="3688714"/>
          </a:xfrm>
          <a:custGeom>
            <a:avLst/>
            <a:gdLst>
              <a:gd name="connsiteX0" fmla="*/ 6113694 w 6304869"/>
              <a:gd name="connsiteY0" fmla="*/ 0 h 3488418"/>
              <a:gd name="connsiteX1" fmla="*/ 6273318 w 6304869"/>
              <a:gd name="connsiteY1" fmla="*/ 0 h 3488418"/>
              <a:gd name="connsiteX2" fmla="*/ 6304869 w 6304869"/>
              <a:gd name="connsiteY2" fmla="*/ 0 h 3488418"/>
              <a:gd name="connsiteX3" fmla="*/ 6304869 w 6304869"/>
              <a:gd name="connsiteY3" fmla="*/ 3488418 h 3488418"/>
              <a:gd name="connsiteX4" fmla="*/ 0 w 6304869"/>
              <a:gd name="connsiteY4" fmla="*/ 3488418 h 3488418"/>
              <a:gd name="connsiteX5" fmla="*/ 0 w 6304869"/>
              <a:gd name="connsiteY5" fmla="*/ 3432890 h 3488418"/>
              <a:gd name="connsiteX6" fmla="*/ 0 w 6304869"/>
              <a:gd name="connsiteY6" fmla="*/ 3210068 h 3488418"/>
              <a:gd name="connsiteX7" fmla="*/ 291179 w 6304869"/>
              <a:gd name="connsiteY7" fmla="*/ 2917467 h 3488418"/>
              <a:gd name="connsiteX8" fmla="*/ 4376218 w 6304869"/>
              <a:gd name="connsiteY8" fmla="*/ 2917467 h 3488418"/>
              <a:gd name="connsiteX9" fmla="*/ 4787922 w 6304869"/>
              <a:gd name="connsiteY9" fmla="*/ 2746605 h 3488418"/>
              <a:gd name="connsiteX10" fmla="*/ 5651860 w 6304869"/>
              <a:gd name="connsiteY10" fmla="*/ 1880549 h 3488418"/>
              <a:gd name="connsiteX11" fmla="*/ 5822514 w 6304869"/>
              <a:gd name="connsiteY11" fmla="*/ 1467277 h 3488418"/>
              <a:gd name="connsiteX12" fmla="*/ 5822514 w 6304869"/>
              <a:gd name="connsiteY12" fmla="*/ 291533 h 3488418"/>
              <a:gd name="connsiteX13" fmla="*/ 6113694 w 6304869"/>
              <a:gd name="connsiteY13" fmla="*/ 0 h 3488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304869" h="3488418">
                <a:moveTo>
                  <a:pt x="6113694" y="0"/>
                </a:moveTo>
                <a:cubicBezTo>
                  <a:pt x="6113694" y="0"/>
                  <a:pt x="6113694" y="0"/>
                  <a:pt x="6273318" y="0"/>
                </a:cubicBezTo>
                <a:lnTo>
                  <a:pt x="6304869" y="0"/>
                </a:lnTo>
                <a:lnTo>
                  <a:pt x="6304869" y="3488418"/>
                </a:lnTo>
                <a:lnTo>
                  <a:pt x="0" y="3488418"/>
                </a:lnTo>
                <a:lnTo>
                  <a:pt x="0" y="3432890"/>
                </a:lnTo>
                <a:cubicBezTo>
                  <a:pt x="0" y="3365796"/>
                  <a:pt x="0" y="3291761"/>
                  <a:pt x="0" y="3210068"/>
                </a:cubicBezTo>
                <a:cubicBezTo>
                  <a:pt x="0" y="3048817"/>
                  <a:pt x="130124" y="2917467"/>
                  <a:pt x="291179" y="2917467"/>
                </a:cubicBezTo>
                <a:cubicBezTo>
                  <a:pt x="291179" y="2917467"/>
                  <a:pt x="291179" y="2917467"/>
                  <a:pt x="4376218" y="2917467"/>
                </a:cubicBezTo>
                <a:cubicBezTo>
                  <a:pt x="4529808" y="2917467"/>
                  <a:pt x="4678064" y="2856597"/>
                  <a:pt x="4787922" y="2746605"/>
                </a:cubicBezTo>
                <a:cubicBezTo>
                  <a:pt x="4787922" y="2746605"/>
                  <a:pt x="4787922" y="2746605"/>
                  <a:pt x="5651860" y="1880549"/>
                </a:cubicBezTo>
                <a:cubicBezTo>
                  <a:pt x="5760652" y="1770556"/>
                  <a:pt x="5822514" y="1622120"/>
                  <a:pt x="5822514" y="1467277"/>
                </a:cubicBezTo>
                <a:cubicBezTo>
                  <a:pt x="5822514" y="1467277"/>
                  <a:pt x="5822514" y="1467277"/>
                  <a:pt x="5822514" y="291533"/>
                </a:cubicBezTo>
                <a:cubicBezTo>
                  <a:pt x="5822514" y="130282"/>
                  <a:pt x="5952638" y="0"/>
                  <a:pt x="6113694" y="0"/>
                </a:cubicBezTo>
                <a:close/>
              </a:path>
            </a:pathLst>
          </a:custGeom>
          <a:solidFill>
            <a:srgbClr val="D7D8D6"/>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title"/>
          </p:nvPr>
        </p:nvSpPr>
        <p:spPr>
          <a:xfrm>
            <a:off x="1040131" y="1143000"/>
            <a:ext cx="10123170" cy="547688"/>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040129" y="1806577"/>
            <a:ext cx="6012000" cy="3688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7167329" y="1807201"/>
            <a:ext cx="3880772" cy="3688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p:cNvSpPr>
            <a:spLocks noGrp="1"/>
          </p:cNvSpPr>
          <p:nvPr>
            <p:ph type="dt" sz="half" idx="10"/>
          </p:nvPr>
        </p:nvSpPr>
        <p:spPr/>
        <p:txBody>
          <a:bodyPr/>
          <a:lstStyle/>
          <a:p>
            <a:endParaRPr lang="en-GB" dirty="0"/>
          </a:p>
        </p:txBody>
      </p:sp>
      <p:cxnSp>
        <p:nvCxnSpPr>
          <p:cNvPr id="12" name="Straight Connector 11">
            <a:extLst>
              <a:ext uri="{FF2B5EF4-FFF2-40B4-BE49-F238E27FC236}">
                <a16:creationId xmlns:a16="http://schemas.microsoft.com/office/drawing/2014/main" id="{408B514C-AF62-425E-BDDE-6B80DA685811}"/>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7" name="Slide Number Placeholder 6"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13" name="Slide Number Placeholder 5">
            <a:extLst>
              <a:ext uri="{FF2B5EF4-FFF2-40B4-BE49-F238E27FC236}">
                <a16:creationId xmlns:a16="http://schemas.microsoft.com/office/drawing/2014/main" id="{FC416E5F-B4A6-F447-AFC0-3071A78683B9}"/>
              </a:ext>
            </a:extLst>
          </p:cNvPr>
          <p:cNvSpPr txBox="1">
            <a:spLocks/>
          </p:cNvSpPr>
          <p:nvPr userDrawn="1"/>
        </p:nvSpPr>
        <p:spPr>
          <a:xfrm>
            <a:off x="11353800" y="6181983"/>
            <a:ext cx="403226" cy="256994"/>
          </a:xfrm>
          <a:prstGeom prst="rect">
            <a:avLst/>
          </a:prstGeom>
        </p:spPr>
        <p:txBody>
          <a:bodyPr vert="horz" lIns="0" tIns="0" rIns="0" bIns="0" rtlCol="0" anchor="ctr"/>
          <a:lstStyle>
            <a:defPPr>
              <a:defRPr lang="en-US"/>
            </a:defPPr>
            <a:lvl1pPr marL="0" algn="r" defTabSz="914400" rtl="0" eaLnBrk="1" latinLnBrk="0" hangingPunct="1">
              <a:defRPr sz="1400" b="1" kern="1200">
                <a:solidFill>
                  <a:srgbClr val="5F6369"/>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en-GB" smtClean="0"/>
              <a:pPr/>
              <a:t>‹#›</a:t>
            </a:fld>
            <a:endParaRPr lang="en-GB" dirty="0"/>
          </a:p>
        </p:txBody>
      </p:sp>
      <p:sp>
        <p:nvSpPr>
          <p:cNvPr id="14" name="Text Placeholder 11">
            <a:extLst>
              <a:ext uri="{FF2B5EF4-FFF2-40B4-BE49-F238E27FC236}">
                <a16:creationId xmlns:a16="http://schemas.microsoft.com/office/drawing/2014/main" id="{A6D36897-BBF8-6B40-A4D3-22EECD5A26A9}"/>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427953787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content D">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1040129" y="1806577"/>
            <a:ext cx="4212000" cy="380522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5512701" y="1806575"/>
            <a:ext cx="5650600" cy="38052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8" name="Slide Number Placeholder 5">
            <a:extLst>
              <a:ext uri="{FF2B5EF4-FFF2-40B4-BE49-F238E27FC236}">
                <a16:creationId xmlns:a16="http://schemas.microsoft.com/office/drawing/2014/main" id="{DF6C29AE-3EA6-6043-ACBF-E3CB04A6A37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9" name="Text Placeholder 11">
            <a:extLst>
              <a:ext uri="{FF2B5EF4-FFF2-40B4-BE49-F238E27FC236}">
                <a16:creationId xmlns:a16="http://schemas.microsoft.com/office/drawing/2014/main" id="{3E00298C-CF4E-4F45-B341-98E3FDAE2B67}"/>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69563569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ntent and statement/quote">
    <p:spTree>
      <p:nvGrpSpPr>
        <p:cNvPr id="1" name=""/>
        <p:cNvGrpSpPr/>
        <p:nvPr/>
      </p:nvGrpSpPr>
      <p:grpSpPr>
        <a:xfrm>
          <a:off x="0" y="0"/>
          <a:ext cx="0" cy="0"/>
          <a:chOff x="0" y="0"/>
          <a:chExt cx="0" cy="0"/>
        </a:xfrm>
      </p:grpSpPr>
      <p:sp>
        <p:nvSpPr>
          <p:cNvPr id="2" name="Title 1"/>
          <p:cNvSpPr>
            <a:spLocks noGrp="1"/>
          </p:cNvSpPr>
          <p:nvPr>
            <p:ph type="title"/>
          </p:nvPr>
        </p:nvSpPr>
        <p:spPr>
          <a:xfrm>
            <a:off x="1304926" y="1683357"/>
            <a:ext cx="4261770" cy="312131"/>
          </a:xfrm>
          <a:prstGeom prst="rect">
            <a:avLst/>
          </a:prstGeom>
        </p:spPr>
        <p:txBody>
          <a:bodyPr/>
          <a:lstStyle>
            <a:lvl1pPr>
              <a:defRPr/>
            </a:lvl1pPr>
          </a:lstStyle>
          <a:p>
            <a:r>
              <a:rPr lang="en-US"/>
              <a:t>Click to edit Master title style</a:t>
            </a:r>
            <a:endParaRPr lang="en-GB"/>
          </a:p>
        </p:txBody>
      </p:sp>
      <p:sp>
        <p:nvSpPr>
          <p:cNvPr id="3" name="Content Placeholder 2"/>
          <p:cNvSpPr>
            <a:spLocks noGrp="1"/>
          </p:cNvSpPr>
          <p:nvPr>
            <p:ph sz="half" idx="1"/>
          </p:nvPr>
        </p:nvSpPr>
        <p:spPr>
          <a:xfrm>
            <a:off x="1304925" y="2089150"/>
            <a:ext cx="4261770" cy="352265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Text Placeholder 13">
            <a:extLst>
              <a:ext uri="{FF2B5EF4-FFF2-40B4-BE49-F238E27FC236}">
                <a16:creationId xmlns:a16="http://schemas.microsoft.com/office/drawing/2014/main" id="{DCEC66F0-04A8-4CD4-9781-120A8D2D50DD}"/>
              </a:ext>
            </a:extLst>
          </p:cNvPr>
          <p:cNvSpPr>
            <a:spLocks noGrp="1"/>
          </p:cNvSpPr>
          <p:nvPr>
            <p:ph type="body" sz="quarter" idx="15" hasCustomPrompt="1"/>
          </p:nvPr>
        </p:nvSpPr>
        <p:spPr>
          <a:xfrm>
            <a:off x="6743700" y="1631950"/>
            <a:ext cx="3803650" cy="2946400"/>
          </a:xfrm>
          <a:custGeom>
            <a:avLst/>
            <a:gdLst>
              <a:gd name="connsiteX0" fmla="*/ 723557 w 3803650"/>
              <a:gd name="connsiteY0" fmla="*/ 0 h 2946400"/>
              <a:gd name="connsiteX1" fmla="*/ 3803650 w 3803650"/>
              <a:gd name="connsiteY1" fmla="*/ 0 h 2946400"/>
              <a:gd name="connsiteX2" fmla="*/ 3803650 w 3803650"/>
              <a:gd name="connsiteY2" fmla="*/ 2773569 h 2946400"/>
              <a:gd name="connsiteX3" fmla="*/ 3800547 w 3803650"/>
              <a:gd name="connsiteY3" fmla="*/ 2788693 h 2946400"/>
              <a:gd name="connsiteX4" fmla="*/ 3784260 w 3803650"/>
              <a:gd name="connsiteY4" fmla="*/ 2813760 h 2946400"/>
              <a:gd name="connsiteX5" fmla="*/ 3670908 w 3803650"/>
              <a:gd name="connsiteY5" fmla="*/ 2927291 h 2946400"/>
              <a:gd name="connsiteX6" fmla="*/ 3645881 w 3803650"/>
              <a:gd name="connsiteY6" fmla="*/ 2944002 h 2946400"/>
              <a:gd name="connsiteX7" fmla="*/ 3633395 w 3803650"/>
              <a:gd name="connsiteY7" fmla="*/ 2946400 h 2946400"/>
              <a:gd name="connsiteX8" fmla="*/ 0 w 3803650"/>
              <a:gd name="connsiteY8" fmla="*/ 2946400 h 2946400"/>
              <a:gd name="connsiteX9" fmla="*/ 0 w 3803650"/>
              <a:gd name="connsiteY9" fmla="*/ 346348 h 2946400"/>
              <a:gd name="connsiteX10" fmla="*/ 1926 w 3803650"/>
              <a:gd name="connsiteY10" fmla="*/ 341661 h 2946400"/>
              <a:gd name="connsiteX11" fmla="*/ 1926 w 3803650"/>
              <a:gd name="connsiteY11" fmla="*/ 192164 h 2946400"/>
              <a:gd name="connsiteX12" fmla="*/ 23528 w 3803650"/>
              <a:gd name="connsiteY12" fmla="*/ 139582 h 2946400"/>
              <a:gd name="connsiteX13" fmla="*/ 133599 w 3803650"/>
              <a:gd name="connsiteY13" fmla="*/ 28232 h 2946400"/>
              <a:gd name="connsiteX14" fmla="*/ 186062 w 3803650"/>
              <a:gd name="connsiteY14" fmla="*/ 6581 h 2946400"/>
              <a:gd name="connsiteX15" fmla="*/ 707610 w 3803650"/>
              <a:gd name="connsiteY15" fmla="*/ 6581 h 2946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803650" h="2946400">
                <a:moveTo>
                  <a:pt x="723557" y="0"/>
                </a:moveTo>
                <a:lnTo>
                  <a:pt x="3803650" y="0"/>
                </a:lnTo>
                <a:lnTo>
                  <a:pt x="3803650" y="2773569"/>
                </a:lnTo>
                <a:lnTo>
                  <a:pt x="3800547" y="2788693"/>
                </a:lnTo>
                <a:cubicBezTo>
                  <a:pt x="3796707" y="2797845"/>
                  <a:pt x="3791146" y="2806333"/>
                  <a:pt x="3784260" y="2813760"/>
                </a:cubicBezTo>
                <a:cubicBezTo>
                  <a:pt x="3670908" y="2927291"/>
                  <a:pt x="3670908" y="2927291"/>
                  <a:pt x="3670908" y="2927291"/>
                </a:cubicBezTo>
                <a:cubicBezTo>
                  <a:pt x="3663492" y="2934718"/>
                  <a:pt x="3655018" y="2940288"/>
                  <a:pt x="3645881" y="2944002"/>
                </a:cubicBezTo>
                <a:lnTo>
                  <a:pt x="3633395" y="2946400"/>
                </a:lnTo>
                <a:lnTo>
                  <a:pt x="0" y="2946400"/>
                </a:lnTo>
                <a:lnTo>
                  <a:pt x="0" y="346348"/>
                </a:lnTo>
                <a:lnTo>
                  <a:pt x="1926" y="341661"/>
                </a:lnTo>
                <a:cubicBezTo>
                  <a:pt x="1926" y="192164"/>
                  <a:pt x="1926" y="192164"/>
                  <a:pt x="1926" y="192164"/>
                </a:cubicBezTo>
                <a:cubicBezTo>
                  <a:pt x="1926" y="171544"/>
                  <a:pt x="10155" y="152985"/>
                  <a:pt x="23528" y="139582"/>
                </a:cubicBezTo>
                <a:cubicBezTo>
                  <a:pt x="133599" y="28232"/>
                  <a:pt x="133599" y="28232"/>
                  <a:pt x="133599" y="28232"/>
                </a:cubicBezTo>
                <a:cubicBezTo>
                  <a:pt x="148001" y="14829"/>
                  <a:pt x="166517" y="6581"/>
                  <a:pt x="186062" y="6581"/>
                </a:cubicBezTo>
                <a:cubicBezTo>
                  <a:pt x="707610" y="6581"/>
                  <a:pt x="707610" y="6581"/>
                  <a:pt x="707610" y="6581"/>
                </a:cubicBezTo>
                <a:close/>
              </a:path>
            </a:pathLst>
          </a:custGeom>
          <a:solidFill>
            <a:srgbClr val="DDDFDD"/>
          </a:solidFill>
        </p:spPr>
        <p:txBody>
          <a:bodyPr wrap="square" lIns="108000" tIns="72000" rIns="108000" bIns="72000" anchor="ctr" anchorCtr="0">
            <a:normAutofit/>
          </a:bodyPr>
          <a:lstStyle>
            <a:lvl1pPr marL="0" indent="0" algn="ctr">
              <a:lnSpc>
                <a:spcPct val="100000"/>
              </a:lnSpc>
              <a:buNone/>
              <a:defRPr sz="2200"/>
            </a:lvl1pPr>
          </a:lstStyle>
          <a:p>
            <a:pPr lvl="0"/>
            <a:r>
              <a:rPr lang="en-GB"/>
              <a:t>Click to insert text</a:t>
            </a:r>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15" name="Freeform 5">
            <a:extLst>
              <a:ext uri="{FF2B5EF4-FFF2-40B4-BE49-F238E27FC236}">
                <a16:creationId xmlns:a16="http://schemas.microsoft.com/office/drawing/2014/main" id="{70E220D6-646D-4916-90EA-9E6EF10AC6CA}"/>
              </a:ext>
            </a:extLst>
          </p:cNvPr>
          <p:cNvSpPr>
            <a:spLocks/>
          </p:cNvSpPr>
          <p:nvPr userDrawn="1"/>
        </p:nvSpPr>
        <p:spPr bwMode="auto">
          <a:xfrm>
            <a:off x="9785349" y="4198489"/>
            <a:ext cx="1147286" cy="766066"/>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rgbClr val="7000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9">
            <a:extLst>
              <a:ext uri="{FF2B5EF4-FFF2-40B4-BE49-F238E27FC236}">
                <a16:creationId xmlns:a16="http://schemas.microsoft.com/office/drawing/2014/main" id="{EF3028C4-9692-4F88-8F55-EE49D046AAC4}"/>
              </a:ext>
            </a:extLst>
          </p:cNvPr>
          <p:cNvSpPr>
            <a:spLocks/>
          </p:cNvSpPr>
          <p:nvPr userDrawn="1"/>
        </p:nvSpPr>
        <p:spPr bwMode="auto">
          <a:xfrm>
            <a:off x="6374267" y="1266334"/>
            <a:ext cx="1114076" cy="744394"/>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rgbClr val="7000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11" name="Slide Number Placeholder 5">
            <a:extLst>
              <a:ext uri="{FF2B5EF4-FFF2-40B4-BE49-F238E27FC236}">
                <a16:creationId xmlns:a16="http://schemas.microsoft.com/office/drawing/2014/main" id="{63FA4753-7A63-064C-9DB7-E3E0AFD3D7DE}"/>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3" name="Text Placeholder 11">
            <a:extLst>
              <a:ext uri="{FF2B5EF4-FFF2-40B4-BE49-F238E27FC236}">
                <a16:creationId xmlns:a16="http://schemas.microsoft.com/office/drawing/2014/main" id="{0C5B9971-A1B3-2341-BAE8-89C8FC21ADCD}"/>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35485661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tatement/Quote A">
    <p:spTree>
      <p:nvGrpSpPr>
        <p:cNvPr id="1" name=""/>
        <p:cNvGrpSpPr/>
        <p:nvPr/>
      </p:nvGrpSpPr>
      <p:grpSpPr>
        <a:xfrm>
          <a:off x="0" y="0"/>
          <a:ext cx="0" cy="0"/>
          <a:chOff x="0" y="0"/>
          <a:chExt cx="0" cy="0"/>
        </a:xfrm>
      </p:grpSpPr>
      <p:sp>
        <p:nvSpPr>
          <p:cNvPr id="18" name="Text Placeholder 17">
            <a:extLst>
              <a:ext uri="{FF2B5EF4-FFF2-40B4-BE49-F238E27FC236}">
                <a16:creationId xmlns:a16="http://schemas.microsoft.com/office/drawing/2014/main" id="{64588DC6-0639-49A7-8C25-FC3C23D35E46}"/>
              </a:ext>
            </a:extLst>
          </p:cNvPr>
          <p:cNvSpPr>
            <a:spLocks noGrp="1"/>
          </p:cNvSpPr>
          <p:nvPr>
            <p:ph type="body" sz="quarter" idx="13" hasCustomPrompt="1"/>
          </p:nvPr>
        </p:nvSpPr>
        <p:spPr>
          <a:xfrm>
            <a:off x="2000250" y="1771650"/>
            <a:ext cx="8248650" cy="2937011"/>
          </a:xfrm>
          <a:custGeom>
            <a:avLst/>
            <a:gdLst>
              <a:gd name="connsiteX0" fmla="*/ 771962 w 8248650"/>
              <a:gd name="connsiteY0" fmla="*/ 0 h 2937011"/>
              <a:gd name="connsiteX1" fmla="*/ 8248650 w 8248650"/>
              <a:gd name="connsiteY1" fmla="*/ 0 h 2937011"/>
              <a:gd name="connsiteX2" fmla="*/ 8248650 w 8248650"/>
              <a:gd name="connsiteY2" fmla="*/ 2567166 h 2937011"/>
              <a:gd name="connsiteX3" fmla="*/ 8245024 w 8248650"/>
              <a:gd name="connsiteY3" fmla="*/ 2568660 h 2937011"/>
              <a:gd name="connsiteX4" fmla="*/ 8233834 w 8248650"/>
              <a:gd name="connsiteY4" fmla="*/ 2595854 h 2937011"/>
              <a:gd name="connsiteX5" fmla="*/ 8233834 w 8248650"/>
              <a:gd name="connsiteY5" fmla="*/ 2751547 h 2937011"/>
              <a:gd name="connsiteX6" fmla="*/ 8211455 w 8248650"/>
              <a:gd name="connsiteY6" fmla="*/ 2805934 h 2937011"/>
              <a:gd name="connsiteX7" fmla="*/ 8097429 w 8248650"/>
              <a:gd name="connsiteY7" fmla="*/ 2920038 h 2937011"/>
              <a:gd name="connsiteX8" fmla="*/ 8072253 w 8248650"/>
              <a:gd name="connsiteY8" fmla="*/ 2936834 h 2937011"/>
              <a:gd name="connsiteX9" fmla="*/ 8071327 w 8248650"/>
              <a:gd name="connsiteY9" fmla="*/ 2937011 h 2937011"/>
              <a:gd name="connsiteX10" fmla="*/ 0 w 8248650"/>
              <a:gd name="connsiteY10" fmla="*/ 2937011 h 2937011"/>
              <a:gd name="connsiteX11" fmla="*/ 0 w 8248650"/>
              <a:gd name="connsiteY11" fmla="*/ 392721 h 2937011"/>
              <a:gd name="connsiteX12" fmla="*/ 5308 w 8248650"/>
              <a:gd name="connsiteY12" fmla="*/ 390533 h 2937011"/>
              <a:gd name="connsiteX13" fmla="*/ 16405 w 8248650"/>
              <a:gd name="connsiteY13" fmla="*/ 363565 h 2937011"/>
              <a:gd name="connsiteX14" fmla="*/ 16405 w 8248650"/>
              <a:gd name="connsiteY14" fmla="*/ 210212 h 2937011"/>
              <a:gd name="connsiteX15" fmla="*/ 38599 w 8248650"/>
              <a:gd name="connsiteY15" fmla="*/ 156275 h 2937011"/>
              <a:gd name="connsiteX16" fmla="*/ 151684 w 8248650"/>
              <a:gd name="connsiteY16" fmla="*/ 42054 h 2937011"/>
              <a:gd name="connsiteX17" fmla="*/ 205585 w 8248650"/>
              <a:gd name="connsiteY17" fmla="*/ 19844 h 2937011"/>
              <a:gd name="connsiteX18" fmla="*/ 741416 w 8248650"/>
              <a:gd name="connsiteY18" fmla="*/ 19844 h 2937011"/>
              <a:gd name="connsiteX19" fmla="*/ 768366 w 8248650"/>
              <a:gd name="connsiteY19" fmla="*/ 8739 h 2937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8248650" h="2937011">
                <a:moveTo>
                  <a:pt x="771962" y="0"/>
                </a:moveTo>
                <a:lnTo>
                  <a:pt x="8248650" y="0"/>
                </a:lnTo>
                <a:lnTo>
                  <a:pt x="8248650" y="2567166"/>
                </a:lnTo>
                <a:lnTo>
                  <a:pt x="8245024" y="2568660"/>
                </a:lnTo>
                <a:cubicBezTo>
                  <a:pt x="8238097" y="2575592"/>
                  <a:pt x="8233834" y="2585190"/>
                  <a:pt x="8233834" y="2595854"/>
                </a:cubicBezTo>
                <a:cubicBezTo>
                  <a:pt x="8233834" y="2751547"/>
                  <a:pt x="8233834" y="2751547"/>
                  <a:pt x="8233834" y="2751547"/>
                </a:cubicBezTo>
                <a:cubicBezTo>
                  <a:pt x="8233834" y="2771809"/>
                  <a:pt x="8225309" y="2791004"/>
                  <a:pt x="8211455" y="2805934"/>
                </a:cubicBezTo>
                <a:cubicBezTo>
                  <a:pt x="8097429" y="2920038"/>
                  <a:pt x="8097429" y="2920038"/>
                  <a:pt x="8097429" y="2920038"/>
                </a:cubicBezTo>
                <a:cubicBezTo>
                  <a:pt x="8089969" y="2927502"/>
                  <a:pt x="8081444" y="2933101"/>
                  <a:pt x="8072253" y="2936834"/>
                </a:cubicBezTo>
                <a:lnTo>
                  <a:pt x="8071327" y="2937011"/>
                </a:lnTo>
                <a:lnTo>
                  <a:pt x="0" y="2937011"/>
                </a:lnTo>
                <a:lnTo>
                  <a:pt x="0" y="392721"/>
                </a:lnTo>
                <a:lnTo>
                  <a:pt x="5308" y="390533"/>
                </a:lnTo>
                <a:cubicBezTo>
                  <a:pt x="12178" y="383659"/>
                  <a:pt x="16405" y="374141"/>
                  <a:pt x="16405" y="363565"/>
                </a:cubicBezTo>
                <a:cubicBezTo>
                  <a:pt x="16405" y="210212"/>
                  <a:pt x="16405" y="210212"/>
                  <a:pt x="16405" y="210212"/>
                </a:cubicBezTo>
                <a:cubicBezTo>
                  <a:pt x="16405" y="189060"/>
                  <a:pt x="24860" y="170023"/>
                  <a:pt x="38599" y="156275"/>
                </a:cubicBezTo>
                <a:cubicBezTo>
                  <a:pt x="151684" y="42054"/>
                  <a:pt x="151684" y="42054"/>
                  <a:pt x="151684" y="42054"/>
                </a:cubicBezTo>
                <a:cubicBezTo>
                  <a:pt x="166480" y="28305"/>
                  <a:pt x="185504" y="19844"/>
                  <a:pt x="205585" y="19844"/>
                </a:cubicBezTo>
                <a:cubicBezTo>
                  <a:pt x="741416" y="19844"/>
                  <a:pt x="741416" y="19844"/>
                  <a:pt x="741416" y="19844"/>
                </a:cubicBezTo>
                <a:cubicBezTo>
                  <a:pt x="751985" y="19844"/>
                  <a:pt x="761496" y="15614"/>
                  <a:pt x="768366" y="8739"/>
                </a:cubicBezTo>
                <a:close/>
              </a:path>
            </a:pathLst>
          </a:custGeom>
          <a:solidFill>
            <a:srgbClr val="DDDFDD"/>
          </a:solidFill>
        </p:spPr>
        <p:txBody>
          <a:bodyPr wrap="square" lIns="108000" tIns="72000" rIns="108000" bIns="72000" anchor="ctr" anchorCtr="0">
            <a:normAutofit/>
          </a:bodyPr>
          <a:lstStyle>
            <a:lvl1pPr marL="0" indent="0" algn="ctr">
              <a:lnSpc>
                <a:spcPct val="100000"/>
              </a:lnSpc>
              <a:buNone/>
              <a:defRPr sz="3200"/>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pic>
        <p:nvPicPr>
          <p:cNvPr id="19" name="Picture 18">
            <a:extLst>
              <a:ext uri="{FF2B5EF4-FFF2-40B4-BE49-F238E27FC236}">
                <a16:creationId xmlns:a16="http://schemas.microsoft.com/office/drawing/2014/main" id="{326DDB60-9032-4F0E-90CD-DE5CF0EFBA4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466343" y="4329112"/>
            <a:ext cx="1154032" cy="772075"/>
          </a:xfrm>
          <a:prstGeom prst="rect">
            <a:avLst/>
          </a:prstGeom>
        </p:spPr>
      </p:pic>
      <p:pic>
        <p:nvPicPr>
          <p:cNvPr id="20" name="Picture 19">
            <a:extLst>
              <a:ext uri="{FF2B5EF4-FFF2-40B4-BE49-F238E27FC236}">
                <a16:creationId xmlns:a16="http://schemas.microsoft.com/office/drawing/2014/main" id="{E9E73B74-624E-42E2-8581-0C4B9230B52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636748" y="1409006"/>
            <a:ext cx="1144552" cy="765733"/>
          </a:xfrm>
          <a:prstGeom prst="rect">
            <a:avLst/>
          </a:prstGeom>
        </p:spPr>
      </p:pic>
      <p:sp>
        <p:nvSpPr>
          <p:cNvPr id="2"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8EEAB7F0-06AB-4540-A876-958137A81FE0}"/>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254B48FE-F361-E740-A722-C7B166C0CDB9}"/>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31341496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tatement/Quote B">
    <p:bg>
      <p:bgRef idx="1001">
        <a:schemeClr val="bg1"/>
      </p:bgRef>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3E33762B-5C05-4014-925D-3B867B3CC1C7}"/>
              </a:ext>
            </a:extLst>
          </p:cNvPr>
          <p:cNvSpPr/>
          <p:nvPr userDrawn="1"/>
        </p:nvSpPr>
        <p:spPr>
          <a:xfrm>
            <a:off x="450850" y="707708"/>
            <a:ext cx="11306175" cy="4905691"/>
          </a:xfrm>
          <a:prstGeom prst="rect">
            <a:avLst/>
          </a:pr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Text Placeholder 13">
            <a:extLst>
              <a:ext uri="{FF2B5EF4-FFF2-40B4-BE49-F238E27FC236}">
                <a16:creationId xmlns:a16="http://schemas.microsoft.com/office/drawing/2014/main" id="{587710B4-401B-41FC-9722-7C524C526E2B}"/>
              </a:ext>
            </a:extLst>
          </p:cNvPr>
          <p:cNvSpPr>
            <a:spLocks noGrp="1"/>
          </p:cNvSpPr>
          <p:nvPr>
            <p:ph type="body" sz="quarter" idx="13" hasCustomPrompt="1"/>
          </p:nvPr>
        </p:nvSpPr>
        <p:spPr>
          <a:xfrm>
            <a:off x="1863090" y="1892345"/>
            <a:ext cx="8435340" cy="2531065"/>
          </a:xfrm>
          <a:noFill/>
        </p:spPr>
        <p:txBody>
          <a:bodyPr wrap="square" lIns="108000" tIns="72000" rIns="108000" bIns="72000" anchor="ctr" anchorCtr="0">
            <a:normAutofit/>
          </a:bodyPr>
          <a:lstStyle>
            <a:lvl1pPr marL="0" indent="0" algn="ctr">
              <a:buNone/>
              <a:defRPr sz="4000" b="1">
                <a:solidFill>
                  <a:schemeClr val="bg1"/>
                </a:solidFill>
              </a:defRPr>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9" name="Freeform 5">
            <a:extLst>
              <a:ext uri="{FF2B5EF4-FFF2-40B4-BE49-F238E27FC236}">
                <a16:creationId xmlns:a16="http://schemas.microsoft.com/office/drawing/2014/main" id="{9BB8623C-A705-42CB-A86D-117A1D074C11}"/>
              </a:ext>
            </a:extLst>
          </p:cNvPr>
          <p:cNvSpPr>
            <a:spLocks/>
          </p:cNvSpPr>
          <p:nvPr userDrawn="1"/>
        </p:nvSpPr>
        <p:spPr bwMode="auto">
          <a:xfrm>
            <a:off x="1599339" y="1622425"/>
            <a:ext cx="839465" cy="558000"/>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3" name="Freeform 9">
            <a:extLst>
              <a:ext uri="{FF2B5EF4-FFF2-40B4-BE49-F238E27FC236}">
                <a16:creationId xmlns:a16="http://schemas.microsoft.com/office/drawing/2014/main" id="{DA020C92-3873-49EF-A4C6-9993C34A1DF9}"/>
              </a:ext>
            </a:extLst>
          </p:cNvPr>
          <p:cNvSpPr>
            <a:spLocks noChangeAspect="1"/>
          </p:cNvSpPr>
          <p:nvPr userDrawn="1"/>
        </p:nvSpPr>
        <p:spPr bwMode="auto">
          <a:xfrm>
            <a:off x="9754763" y="4149076"/>
            <a:ext cx="838800" cy="559585"/>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238EF27C-E6E8-3F4C-B33B-487DAC288B31}"/>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B8951BAD-AB0C-9D4E-A881-23332CF9C575}"/>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402307931"/>
      </p:ext>
    </p:extLst>
  </p:cSld>
  <p:clrMapOvr>
    <a:overrideClrMapping bg1="lt1" tx1="dk1" bg2="lt2" tx2="dk2" accent1="accent1" accent2="accent2" accent3="accent3" accent4="accent4" accent5="accent5" accent6="accent6" hlink="hlink" folHlink="folHlink"/>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tatement/Quote C">
    <p:bg>
      <p:bgRef idx="1001">
        <a:schemeClr val="bg1"/>
      </p:bgRef>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3E33762B-5C05-4014-925D-3B867B3CC1C7}"/>
              </a:ext>
            </a:extLst>
          </p:cNvPr>
          <p:cNvSpPr/>
          <p:nvPr userDrawn="1"/>
        </p:nvSpPr>
        <p:spPr>
          <a:xfrm>
            <a:off x="450850" y="707708"/>
            <a:ext cx="11306175" cy="490569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Text Placeholder 13">
            <a:extLst>
              <a:ext uri="{FF2B5EF4-FFF2-40B4-BE49-F238E27FC236}">
                <a16:creationId xmlns:a16="http://schemas.microsoft.com/office/drawing/2014/main" id="{587710B4-401B-41FC-9722-7C524C526E2B}"/>
              </a:ext>
            </a:extLst>
          </p:cNvPr>
          <p:cNvSpPr>
            <a:spLocks noGrp="1"/>
          </p:cNvSpPr>
          <p:nvPr>
            <p:ph type="body" sz="quarter" idx="13" hasCustomPrompt="1"/>
          </p:nvPr>
        </p:nvSpPr>
        <p:spPr>
          <a:xfrm>
            <a:off x="1863090" y="1892345"/>
            <a:ext cx="8435340" cy="2531065"/>
          </a:xfrm>
          <a:noFill/>
        </p:spPr>
        <p:txBody>
          <a:bodyPr wrap="square" lIns="108000" tIns="72000" rIns="108000" bIns="72000" anchor="ctr" anchorCtr="0">
            <a:normAutofit/>
          </a:bodyPr>
          <a:lstStyle>
            <a:lvl1pPr marL="0" indent="0" algn="ctr">
              <a:buNone/>
              <a:defRPr sz="4000" b="1">
                <a:solidFill>
                  <a:srgbClr val="71004B"/>
                </a:solidFill>
              </a:defRPr>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9" name="Freeform 5">
            <a:extLst>
              <a:ext uri="{FF2B5EF4-FFF2-40B4-BE49-F238E27FC236}">
                <a16:creationId xmlns:a16="http://schemas.microsoft.com/office/drawing/2014/main" id="{9BB8623C-A705-42CB-A86D-117A1D074C11}"/>
              </a:ext>
            </a:extLst>
          </p:cNvPr>
          <p:cNvSpPr>
            <a:spLocks/>
          </p:cNvSpPr>
          <p:nvPr userDrawn="1"/>
        </p:nvSpPr>
        <p:spPr bwMode="auto">
          <a:xfrm>
            <a:off x="1599339" y="1622425"/>
            <a:ext cx="839465" cy="558000"/>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3" name="Freeform 9">
            <a:extLst>
              <a:ext uri="{FF2B5EF4-FFF2-40B4-BE49-F238E27FC236}">
                <a16:creationId xmlns:a16="http://schemas.microsoft.com/office/drawing/2014/main" id="{DA020C92-3873-49EF-A4C6-9993C34A1DF9}"/>
              </a:ext>
            </a:extLst>
          </p:cNvPr>
          <p:cNvSpPr>
            <a:spLocks noChangeAspect="1"/>
          </p:cNvSpPr>
          <p:nvPr userDrawn="1"/>
        </p:nvSpPr>
        <p:spPr bwMode="auto">
          <a:xfrm>
            <a:off x="9754763" y="4149076"/>
            <a:ext cx="838800" cy="559585"/>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A3BFB498-4093-9045-928C-20D68919C6A9}"/>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E0377708-99E4-6C48-8D3D-0242E48894CB}"/>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67771361"/>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rontpage C">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65929" y="4094831"/>
            <a:ext cx="9368853" cy="972639"/>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22" name="Text Placeholder 11">
            <a:extLst>
              <a:ext uri="{FF2B5EF4-FFF2-40B4-BE49-F238E27FC236}">
                <a16:creationId xmlns:a16="http://schemas.microsoft.com/office/drawing/2014/main" id="{2141D456-F380-413A-998D-7B63DD29239C}"/>
              </a:ext>
            </a:extLst>
          </p:cNvPr>
          <p:cNvSpPr>
            <a:spLocks noGrp="1"/>
          </p:cNvSpPr>
          <p:nvPr>
            <p:ph type="body" sz="quarter" idx="13" hasCustomPrompt="1"/>
          </p:nvPr>
        </p:nvSpPr>
        <p:spPr>
          <a:xfrm>
            <a:off x="450850" y="5392016"/>
            <a:ext cx="5592762"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21" name="Picture Placeholder 20">
            <a:extLst>
              <a:ext uri="{FF2B5EF4-FFF2-40B4-BE49-F238E27FC236}">
                <a16:creationId xmlns:a16="http://schemas.microsoft.com/office/drawing/2014/main" id="{564A53E4-BCFB-4862-AF67-6749BB2EE743}"/>
              </a:ext>
            </a:extLst>
          </p:cNvPr>
          <p:cNvSpPr>
            <a:spLocks noGrp="1"/>
          </p:cNvSpPr>
          <p:nvPr>
            <p:ph type="pic" sz="quarter" idx="15" hasCustomPrompt="1"/>
          </p:nvPr>
        </p:nvSpPr>
        <p:spPr>
          <a:xfrm>
            <a:off x="0" y="0"/>
            <a:ext cx="12192000" cy="3759200"/>
          </a:xfrm>
          <a:custGeom>
            <a:avLst/>
            <a:gdLst>
              <a:gd name="connsiteX0" fmla="*/ 0 w 12234126"/>
              <a:gd name="connsiteY0" fmla="*/ 0 h 3759200"/>
              <a:gd name="connsiteX1" fmla="*/ 12234126 w 12234126"/>
              <a:gd name="connsiteY1" fmla="*/ 0 h 3759200"/>
              <a:gd name="connsiteX2" fmla="*/ 12234126 w 12234126"/>
              <a:gd name="connsiteY2" fmla="*/ 902590 h 3759200"/>
              <a:gd name="connsiteX3" fmla="*/ 12080500 w 12234126"/>
              <a:gd name="connsiteY3" fmla="*/ 902590 h 3759200"/>
              <a:gd name="connsiteX4" fmla="*/ 11257011 w 12234126"/>
              <a:gd name="connsiteY4" fmla="*/ 902590 h 3759200"/>
              <a:gd name="connsiteX5" fmla="*/ 10970937 w 12234126"/>
              <a:gd name="connsiteY5" fmla="*/ 1188967 h 3759200"/>
              <a:gd name="connsiteX6" fmla="*/ 10970937 w 12234126"/>
              <a:gd name="connsiteY6" fmla="*/ 2347016 h 3759200"/>
              <a:gd name="connsiteX7" fmla="*/ 10802842 w 12234126"/>
              <a:gd name="connsiteY7" fmla="*/ 2752543 h 3759200"/>
              <a:gd name="connsiteX8" fmla="*/ 9951926 w 12234126"/>
              <a:gd name="connsiteY8" fmla="*/ 3605401 h 3759200"/>
              <a:gd name="connsiteX9" fmla="*/ 9766212 w 12234126"/>
              <a:gd name="connsiteY9" fmla="*/ 3729907 h 3759200"/>
              <a:gd name="connsiteX10" fmla="*/ 9670193 w 12234126"/>
              <a:gd name="connsiteY10" fmla="*/ 3759200 h 3759200"/>
              <a:gd name="connsiteX11" fmla="*/ 0 w 12234126"/>
              <a:gd name="connsiteY11" fmla="*/ 3759200 h 375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234126" h="3759200">
                <a:moveTo>
                  <a:pt x="0" y="0"/>
                </a:moveTo>
                <a:lnTo>
                  <a:pt x="12234126" y="0"/>
                </a:lnTo>
                <a:lnTo>
                  <a:pt x="12234126" y="902590"/>
                </a:lnTo>
                <a:lnTo>
                  <a:pt x="12080500" y="902590"/>
                </a:lnTo>
                <a:cubicBezTo>
                  <a:pt x="11257011" y="902590"/>
                  <a:pt x="11257011" y="902590"/>
                  <a:pt x="11257011" y="902590"/>
                </a:cubicBezTo>
                <a:cubicBezTo>
                  <a:pt x="11098313" y="902590"/>
                  <a:pt x="10970937" y="1031146"/>
                  <a:pt x="10970937" y="1188967"/>
                </a:cubicBezTo>
                <a:cubicBezTo>
                  <a:pt x="10970937" y="2347016"/>
                  <a:pt x="10970937" y="2347016"/>
                  <a:pt x="10970937" y="2347016"/>
                </a:cubicBezTo>
                <a:cubicBezTo>
                  <a:pt x="10970937" y="2498566"/>
                  <a:pt x="10910380" y="2644890"/>
                  <a:pt x="10802842" y="2752543"/>
                </a:cubicBezTo>
                <a:cubicBezTo>
                  <a:pt x="9951926" y="3605401"/>
                  <a:pt x="9951926" y="3605401"/>
                  <a:pt x="9951926" y="3605401"/>
                </a:cubicBezTo>
                <a:cubicBezTo>
                  <a:pt x="9898156" y="3659228"/>
                  <a:pt x="9834990" y="3701296"/>
                  <a:pt x="9766212" y="3729907"/>
                </a:cubicBezTo>
                <a:lnTo>
                  <a:pt x="9670193" y="3759200"/>
                </a:lnTo>
                <a:lnTo>
                  <a:pt x="0" y="3759200"/>
                </a:lnTo>
                <a:close/>
              </a:path>
            </a:pathLst>
          </a:custGeom>
          <a:noFill/>
        </p:spPr>
        <p:txBody>
          <a:bodyPr wrap="square" lIns="72000" tIns="72000">
            <a:noAutofit/>
          </a:bodyPr>
          <a:lstStyle>
            <a:lvl1pPr marL="0" indent="0" algn="ctr">
              <a:buNone/>
              <a:defRPr/>
            </a:lvl1pPr>
          </a:lstStyle>
          <a:p>
            <a:r>
              <a:rPr lang="en-GB" dirty="0"/>
              <a:t>Click on the placeholder and paste images via Images Library </a:t>
            </a:r>
          </a:p>
        </p:txBody>
      </p:sp>
      <p:sp>
        <p:nvSpPr>
          <p:cNvPr id="23" name="Web">
            <a:extLst>
              <a:ext uri="{FF2B5EF4-FFF2-40B4-BE49-F238E27FC236}">
                <a16:creationId xmlns:a16="http://schemas.microsoft.com/office/drawing/2014/main" id="{C5865403-090F-4798-9D93-82DDB1F6B21C}"/>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24" name="Logo">
            <a:extLst>
              <a:ext uri="{FF2B5EF4-FFF2-40B4-BE49-F238E27FC236}">
                <a16:creationId xmlns:a16="http://schemas.microsoft.com/office/drawing/2014/main" id="{8A4C570C-F5CD-48E1-9589-D79BA8BD939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4" name="Date_GeneralDate" hidden="1"/>
          <p:cNvSpPr>
            <a:spLocks noGrp="1"/>
          </p:cNvSpPr>
          <p:nvPr>
            <p:ph type="dt" sz="half" idx="10"/>
          </p:nvPr>
        </p:nvSpPr>
        <p:spPr/>
        <p:txBody>
          <a:bodyPr/>
          <a:lstStyle/>
          <a:p>
            <a:endParaRPr lang="en-GB" dirty="0"/>
          </a:p>
        </p:txBody>
      </p:sp>
      <p:sp>
        <p:nvSpPr>
          <p:cNvPr id="6" name="Slide Number Placeholder 5"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25" name="FLD_PresentationTitle" hidden="1">
            <a:extLst>
              <a:ext uri="{FF2B5EF4-FFF2-40B4-BE49-F238E27FC236}">
                <a16:creationId xmlns:a16="http://schemas.microsoft.com/office/drawing/2014/main" id="{61D958C5-31F2-4D1F-B320-7AFEC400A7ED}"/>
              </a:ext>
            </a:extLst>
          </p:cNvPr>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35529137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2" name="Title 1"/>
          <p:cNvSpPr>
            <a:spLocks noGrp="1"/>
          </p:cNvSpPr>
          <p:nvPr>
            <p:ph type="title"/>
          </p:nvPr>
        </p:nvSpPr>
        <p:spPr>
          <a:xfrm>
            <a:off x="614678" y="808987"/>
            <a:ext cx="10548621" cy="547688"/>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040129" y="1806575"/>
            <a:ext cx="10123171" cy="3817938"/>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noProof="0" dirty="0"/>
          </a:p>
        </p:txBody>
      </p:sp>
      <p:sp>
        <p:nvSpPr>
          <p:cNvPr id="6" name="Slide Number Placeholder 5">
            <a:extLst>
              <a:ext uri="{FF2B5EF4-FFF2-40B4-BE49-F238E27FC236}">
                <a16:creationId xmlns:a16="http://schemas.microsoft.com/office/drawing/2014/main" id="{E8DEB29F-4D95-6049-8B4B-626E02225A18}"/>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7" name="Text Placeholder 11">
            <a:extLst>
              <a:ext uri="{FF2B5EF4-FFF2-40B4-BE49-F238E27FC236}">
                <a16:creationId xmlns:a16="http://schemas.microsoft.com/office/drawing/2014/main" id="{291A757F-0644-B04E-AF66-2FE76A603091}"/>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73101111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13" name="Freeform: Shape 12">
            <a:extLst>
              <a:ext uri="{FF2B5EF4-FFF2-40B4-BE49-F238E27FC236}">
                <a16:creationId xmlns:a16="http://schemas.microsoft.com/office/drawing/2014/main" id="{4BCD437B-CC2C-4E58-A94E-66F41D7CF5CA}"/>
              </a:ext>
            </a:extLst>
          </p:cNvPr>
          <p:cNvSpPr>
            <a:spLocks/>
          </p:cNvSpPr>
          <p:nvPr userDrawn="1"/>
        </p:nvSpPr>
        <p:spPr bwMode="auto">
          <a:xfrm>
            <a:off x="5538788" y="2976563"/>
            <a:ext cx="6653212" cy="3894817"/>
          </a:xfrm>
          <a:custGeom>
            <a:avLst/>
            <a:gdLst>
              <a:gd name="connsiteX0" fmla="*/ 6113694 w 6653212"/>
              <a:gd name="connsiteY0" fmla="*/ 0 h 3894817"/>
              <a:gd name="connsiteX1" fmla="*/ 6652424 w 6653212"/>
              <a:gd name="connsiteY1" fmla="*/ 0 h 3894817"/>
              <a:gd name="connsiteX2" fmla="*/ 6653212 w 6653212"/>
              <a:gd name="connsiteY2" fmla="*/ 0 h 3894817"/>
              <a:gd name="connsiteX3" fmla="*/ 6653212 w 6653212"/>
              <a:gd name="connsiteY3" fmla="*/ 3894817 h 3894817"/>
              <a:gd name="connsiteX4" fmla="*/ 0 w 6653212"/>
              <a:gd name="connsiteY4" fmla="*/ 3894817 h 3894817"/>
              <a:gd name="connsiteX5" fmla="*/ 0 w 6653212"/>
              <a:gd name="connsiteY5" fmla="*/ 3868720 h 3894817"/>
              <a:gd name="connsiteX6" fmla="*/ 0 w 6653212"/>
              <a:gd name="connsiteY6" fmla="*/ 3210068 h 3894817"/>
              <a:gd name="connsiteX7" fmla="*/ 291179 w 6653212"/>
              <a:gd name="connsiteY7" fmla="*/ 2917467 h 3894817"/>
              <a:gd name="connsiteX8" fmla="*/ 4376218 w 6653212"/>
              <a:gd name="connsiteY8" fmla="*/ 2917467 h 3894817"/>
              <a:gd name="connsiteX9" fmla="*/ 4787922 w 6653212"/>
              <a:gd name="connsiteY9" fmla="*/ 2746605 h 3894817"/>
              <a:gd name="connsiteX10" fmla="*/ 5651860 w 6653212"/>
              <a:gd name="connsiteY10" fmla="*/ 1880549 h 3894817"/>
              <a:gd name="connsiteX11" fmla="*/ 5822514 w 6653212"/>
              <a:gd name="connsiteY11" fmla="*/ 1467277 h 3894817"/>
              <a:gd name="connsiteX12" fmla="*/ 5822514 w 6653212"/>
              <a:gd name="connsiteY12" fmla="*/ 291533 h 3894817"/>
              <a:gd name="connsiteX13" fmla="*/ 6113694 w 6653212"/>
              <a:gd name="connsiteY13" fmla="*/ 0 h 38948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653212" h="3894817">
                <a:moveTo>
                  <a:pt x="6113694" y="0"/>
                </a:moveTo>
                <a:cubicBezTo>
                  <a:pt x="6113694" y="0"/>
                  <a:pt x="6113694" y="0"/>
                  <a:pt x="6652424" y="0"/>
                </a:cubicBezTo>
                <a:lnTo>
                  <a:pt x="6653212" y="0"/>
                </a:lnTo>
                <a:lnTo>
                  <a:pt x="6653212" y="3894817"/>
                </a:lnTo>
                <a:lnTo>
                  <a:pt x="0" y="3894817"/>
                </a:lnTo>
                <a:lnTo>
                  <a:pt x="0" y="3868720"/>
                </a:lnTo>
                <a:cubicBezTo>
                  <a:pt x="0" y="3741074"/>
                  <a:pt x="0" y="3536841"/>
                  <a:pt x="0" y="3210068"/>
                </a:cubicBezTo>
                <a:cubicBezTo>
                  <a:pt x="0" y="3048817"/>
                  <a:pt x="130124" y="2917467"/>
                  <a:pt x="291179" y="2917467"/>
                </a:cubicBezTo>
                <a:cubicBezTo>
                  <a:pt x="291179" y="2917467"/>
                  <a:pt x="291179" y="2917467"/>
                  <a:pt x="4376218" y="2917467"/>
                </a:cubicBezTo>
                <a:cubicBezTo>
                  <a:pt x="4529808" y="2917467"/>
                  <a:pt x="4678064" y="2856597"/>
                  <a:pt x="4787922" y="2746605"/>
                </a:cubicBezTo>
                <a:cubicBezTo>
                  <a:pt x="4787922" y="2746605"/>
                  <a:pt x="4787922" y="2746605"/>
                  <a:pt x="5651860" y="1880549"/>
                </a:cubicBezTo>
                <a:cubicBezTo>
                  <a:pt x="5760652" y="1770556"/>
                  <a:pt x="5822514" y="1622120"/>
                  <a:pt x="5822514" y="1467277"/>
                </a:cubicBezTo>
                <a:cubicBezTo>
                  <a:pt x="5822514" y="1467277"/>
                  <a:pt x="5822514" y="1467277"/>
                  <a:pt x="5822514" y="291533"/>
                </a:cubicBezTo>
                <a:cubicBezTo>
                  <a:pt x="5822514" y="130282"/>
                  <a:pt x="5952638" y="0"/>
                  <a:pt x="6113694" y="0"/>
                </a:cubicBezTo>
                <a:close/>
              </a:path>
            </a:pathLst>
          </a:custGeom>
          <a:solidFill>
            <a:srgbClr val="D8D4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title"/>
          </p:nvPr>
        </p:nvSpPr>
        <p:spPr>
          <a:xfrm>
            <a:off x="614679" y="808987"/>
            <a:ext cx="9763036" cy="547688"/>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040129" y="1806575"/>
            <a:ext cx="9337585" cy="3817938"/>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6" name="Straight Connector 15">
            <a:extLst>
              <a:ext uri="{FF2B5EF4-FFF2-40B4-BE49-F238E27FC236}">
                <a16:creationId xmlns:a16="http://schemas.microsoft.com/office/drawing/2014/main" id="{3E2A2024-BFC2-40A2-8670-CC9B1267A3B7}"/>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E457F28E-D29B-499A-B184-9FDEAB153D3E}"/>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noProof="0" dirty="0"/>
          </a:p>
        </p:txBody>
      </p:sp>
      <p:sp>
        <p:nvSpPr>
          <p:cNvPr id="11" name="Slide Number Placeholder 5">
            <a:extLst>
              <a:ext uri="{FF2B5EF4-FFF2-40B4-BE49-F238E27FC236}">
                <a16:creationId xmlns:a16="http://schemas.microsoft.com/office/drawing/2014/main" id="{FC7C3C33-A34F-D64C-8E21-DFA9CE9BE04F}"/>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2" name="Text Placeholder 11">
            <a:extLst>
              <a:ext uri="{FF2B5EF4-FFF2-40B4-BE49-F238E27FC236}">
                <a16:creationId xmlns:a16="http://schemas.microsoft.com/office/drawing/2014/main" id="{5798A8D6-81C9-6B47-BA16-CE5BD20772F1}"/>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0517398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rontpage D">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D9AE271E-EA30-4F3E-B33A-F9E7D41E0D2F}"/>
              </a:ext>
            </a:extLst>
          </p:cNvPr>
          <p:cNvSpPr/>
          <p:nvPr userDrawn="1"/>
        </p:nvSpPr>
        <p:spPr>
          <a:xfrm>
            <a:off x="0" y="0"/>
            <a:ext cx="12192000" cy="3759200"/>
          </a:xfrm>
          <a:custGeom>
            <a:avLst/>
            <a:gdLst>
              <a:gd name="connsiteX0" fmla="*/ 0 w 12192000"/>
              <a:gd name="connsiteY0" fmla="*/ 0 h 3759200"/>
              <a:gd name="connsiteX1" fmla="*/ 12192000 w 12192000"/>
              <a:gd name="connsiteY1" fmla="*/ 0 h 3759200"/>
              <a:gd name="connsiteX2" fmla="*/ 12192000 w 12192000"/>
              <a:gd name="connsiteY2" fmla="*/ 902590 h 3759200"/>
              <a:gd name="connsiteX3" fmla="*/ 12038903 w 12192000"/>
              <a:gd name="connsiteY3" fmla="*/ 902590 h 3759200"/>
              <a:gd name="connsiteX4" fmla="*/ 11218250 w 12192000"/>
              <a:gd name="connsiteY4" fmla="*/ 902590 h 3759200"/>
              <a:gd name="connsiteX5" fmla="*/ 10933161 w 12192000"/>
              <a:gd name="connsiteY5" fmla="*/ 1188967 h 3759200"/>
              <a:gd name="connsiteX6" fmla="*/ 10933161 w 12192000"/>
              <a:gd name="connsiteY6" fmla="*/ 2347016 h 3759200"/>
              <a:gd name="connsiteX7" fmla="*/ 10765644 w 12192000"/>
              <a:gd name="connsiteY7" fmla="*/ 2752543 h 3759200"/>
              <a:gd name="connsiteX8" fmla="*/ 9917658 w 12192000"/>
              <a:gd name="connsiteY8" fmla="*/ 3605401 h 3759200"/>
              <a:gd name="connsiteX9" fmla="*/ 9732584 w 12192000"/>
              <a:gd name="connsiteY9" fmla="*/ 3729907 h 3759200"/>
              <a:gd name="connsiteX10" fmla="*/ 9636895 w 12192000"/>
              <a:gd name="connsiteY10" fmla="*/ 3759200 h 3759200"/>
              <a:gd name="connsiteX11" fmla="*/ 0 w 12192000"/>
              <a:gd name="connsiteY11" fmla="*/ 3759200 h 375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2000" h="3759200">
                <a:moveTo>
                  <a:pt x="0" y="0"/>
                </a:moveTo>
                <a:lnTo>
                  <a:pt x="12192000" y="0"/>
                </a:lnTo>
                <a:lnTo>
                  <a:pt x="12192000" y="902590"/>
                </a:lnTo>
                <a:lnTo>
                  <a:pt x="12038903" y="902590"/>
                </a:lnTo>
                <a:cubicBezTo>
                  <a:pt x="11218250" y="902590"/>
                  <a:pt x="11218250" y="902590"/>
                  <a:pt x="11218250" y="902590"/>
                </a:cubicBezTo>
                <a:cubicBezTo>
                  <a:pt x="11060098" y="902590"/>
                  <a:pt x="10933161" y="1031146"/>
                  <a:pt x="10933161" y="1188967"/>
                </a:cubicBezTo>
                <a:cubicBezTo>
                  <a:pt x="10933161" y="2347016"/>
                  <a:pt x="10933161" y="2347016"/>
                  <a:pt x="10933161" y="2347016"/>
                </a:cubicBezTo>
                <a:cubicBezTo>
                  <a:pt x="10933161" y="2498566"/>
                  <a:pt x="10872812" y="2644890"/>
                  <a:pt x="10765644" y="2752543"/>
                </a:cubicBezTo>
                <a:cubicBezTo>
                  <a:pt x="9917658" y="3605401"/>
                  <a:pt x="9917658" y="3605401"/>
                  <a:pt x="9917658" y="3605401"/>
                </a:cubicBezTo>
                <a:cubicBezTo>
                  <a:pt x="9864073" y="3659228"/>
                  <a:pt x="9801125" y="3701296"/>
                  <a:pt x="9732584" y="3729907"/>
                </a:cubicBezTo>
                <a:lnTo>
                  <a:pt x="9636895" y="3759200"/>
                </a:lnTo>
                <a:lnTo>
                  <a:pt x="0" y="3759200"/>
                </a:lnTo>
                <a:close/>
              </a:path>
            </a:pathLst>
          </a:cu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50850" y="1393280"/>
            <a:ext cx="9368853" cy="972639"/>
          </a:xfrm>
          <a:prstGeom prst="rect">
            <a:avLst/>
          </a:prstGeom>
        </p:spPr>
        <p:txBody>
          <a:bodyPr anchor="t"/>
          <a:lstStyle>
            <a:lvl1pPr algn="l">
              <a:defRPr sz="3600" cap="all" baseline="0">
                <a:solidFill>
                  <a:srgbClr val="D7D8D6"/>
                </a:solidFill>
              </a:defRPr>
            </a:lvl1pPr>
          </a:lstStyle>
          <a:p>
            <a:r>
              <a:rPr lang="en-GB"/>
              <a:t>Click to insert title</a:t>
            </a:r>
          </a:p>
        </p:txBody>
      </p:sp>
      <p:sp>
        <p:nvSpPr>
          <p:cNvPr id="22" name="Text Placeholder 11">
            <a:extLst>
              <a:ext uri="{FF2B5EF4-FFF2-40B4-BE49-F238E27FC236}">
                <a16:creationId xmlns:a16="http://schemas.microsoft.com/office/drawing/2014/main" id="{2141D456-F380-413A-998D-7B63DD29239C}"/>
              </a:ext>
            </a:extLst>
          </p:cNvPr>
          <p:cNvSpPr>
            <a:spLocks noGrp="1"/>
          </p:cNvSpPr>
          <p:nvPr>
            <p:ph type="body" sz="quarter" idx="13" hasCustomPrompt="1"/>
          </p:nvPr>
        </p:nvSpPr>
        <p:spPr>
          <a:xfrm>
            <a:off x="450850" y="4883445"/>
            <a:ext cx="5592762" cy="546100"/>
          </a:xfrm>
        </p:spPr>
        <p:txBody>
          <a:bodyPr/>
          <a:lstStyle>
            <a:lvl1pPr marL="0" indent="0">
              <a:buNone/>
              <a:defRPr>
                <a:solidFill>
                  <a:schemeClr val="tx2"/>
                </a:solidFill>
              </a:defRPr>
            </a:lvl1pPr>
          </a:lstStyle>
          <a:p>
            <a:pPr lvl="0"/>
            <a:r>
              <a:rPr lang="en-GB"/>
              <a:t>Name</a:t>
            </a:r>
            <a:br>
              <a:rPr lang="en-GB"/>
            </a:br>
            <a:r>
              <a:rPr lang="en-GB"/>
              <a:t>Date</a:t>
            </a:r>
          </a:p>
        </p:txBody>
      </p:sp>
      <p:pic>
        <p:nvPicPr>
          <p:cNvPr id="24" name="Logo">
            <a:extLst>
              <a:ext uri="{FF2B5EF4-FFF2-40B4-BE49-F238E27FC236}">
                <a16:creationId xmlns:a16="http://schemas.microsoft.com/office/drawing/2014/main" id="{8A4C570C-F5CD-48E1-9589-D79BA8BD939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23" name="web">
            <a:extLst>
              <a:ext uri="{FF2B5EF4-FFF2-40B4-BE49-F238E27FC236}">
                <a16:creationId xmlns:a16="http://schemas.microsoft.com/office/drawing/2014/main" id="{C5865403-090F-4798-9D93-82DDB1F6B21C}"/>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sp>
        <p:nvSpPr>
          <p:cNvPr id="4" name="Date_GeneralDate" hidden="1"/>
          <p:cNvSpPr>
            <a:spLocks noGrp="1"/>
          </p:cNvSpPr>
          <p:nvPr>
            <p:ph type="dt" sz="half" idx="10"/>
          </p:nvPr>
        </p:nvSpPr>
        <p:spPr/>
        <p:txBody>
          <a:bodyPr/>
          <a:lstStyle/>
          <a:p>
            <a:endParaRPr lang="en-GB" dirty="0"/>
          </a:p>
        </p:txBody>
      </p:sp>
      <p:sp>
        <p:nvSpPr>
          <p:cNvPr id="6" name="Slide Number Placeholder 5"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12" name="FLD_PresentationTitle" hidden="1">
            <a:extLst>
              <a:ext uri="{FF2B5EF4-FFF2-40B4-BE49-F238E27FC236}">
                <a16:creationId xmlns:a16="http://schemas.microsoft.com/office/drawing/2014/main" id="{0AB1A028-4E38-498B-995E-192A3F212752}"/>
              </a:ext>
            </a:extLst>
          </p:cNvPr>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11724008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Frontpage E">
    <p:spTree>
      <p:nvGrpSpPr>
        <p:cNvPr id="1" name=""/>
        <p:cNvGrpSpPr/>
        <p:nvPr/>
      </p:nvGrpSpPr>
      <p:grpSpPr>
        <a:xfrm>
          <a:off x="0" y="0"/>
          <a:ext cx="0" cy="0"/>
          <a:chOff x="0" y="0"/>
          <a:chExt cx="0" cy="0"/>
        </a:xfrm>
      </p:grpSpPr>
      <p:sp>
        <p:nvSpPr>
          <p:cNvPr id="64" name="Freeform: Shape 63">
            <a:extLst>
              <a:ext uri="{FF2B5EF4-FFF2-40B4-BE49-F238E27FC236}">
                <a16:creationId xmlns:a16="http://schemas.microsoft.com/office/drawing/2014/main" id="{84664880-DF7D-4D1C-8973-7B438F3EB817}"/>
              </a:ext>
            </a:extLst>
          </p:cNvPr>
          <p:cNvSpPr/>
          <p:nvPr userDrawn="1"/>
        </p:nvSpPr>
        <p:spPr>
          <a:xfrm>
            <a:off x="0" y="-12700"/>
            <a:ext cx="9942649" cy="4238354"/>
          </a:xfrm>
          <a:custGeom>
            <a:avLst/>
            <a:gdLst>
              <a:gd name="connsiteX0" fmla="*/ 0 w 9905999"/>
              <a:gd name="connsiteY0" fmla="*/ 0 h 4251054"/>
              <a:gd name="connsiteX1" fmla="*/ 9905999 w 9905999"/>
              <a:gd name="connsiteY1" fmla="*/ 0 h 4251054"/>
              <a:gd name="connsiteX2" fmla="*/ 9905999 w 9905999"/>
              <a:gd name="connsiteY2" fmla="*/ 2111374 h 4251054"/>
              <a:gd name="connsiteX3" fmla="*/ 8185150 w 9905999"/>
              <a:gd name="connsiteY3" fmla="*/ 2111374 h 4251054"/>
              <a:gd name="connsiteX4" fmla="*/ 8185150 w 9905999"/>
              <a:gd name="connsiteY4" fmla="*/ 3806825 h 4251054"/>
              <a:gd name="connsiteX5" fmla="*/ 5758715 w 9905999"/>
              <a:gd name="connsiteY5" fmla="*/ 3806825 h 4251054"/>
              <a:gd name="connsiteX6" fmla="*/ 5758715 w 9905999"/>
              <a:gd name="connsiteY6" fmla="*/ 4251054 h 4251054"/>
              <a:gd name="connsiteX7" fmla="*/ 647828 w 9905999"/>
              <a:gd name="connsiteY7" fmla="*/ 4251054 h 4251054"/>
              <a:gd name="connsiteX8" fmla="*/ 0 w 9905999"/>
              <a:gd name="connsiteY8" fmla="*/ 4251054 h 42510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905999" h="4251054">
                <a:moveTo>
                  <a:pt x="0" y="0"/>
                </a:moveTo>
                <a:lnTo>
                  <a:pt x="9905999" y="0"/>
                </a:lnTo>
                <a:lnTo>
                  <a:pt x="9905999" y="2111374"/>
                </a:lnTo>
                <a:lnTo>
                  <a:pt x="8185150" y="2111374"/>
                </a:lnTo>
                <a:lnTo>
                  <a:pt x="8185150" y="3806825"/>
                </a:lnTo>
                <a:lnTo>
                  <a:pt x="5758715" y="3806825"/>
                </a:lnTo>
                <a:lnTo>
                  <a:pt x="5758715" y="4251054"/>
                </a:lnTo>
                <a:lnTo>
                  <a:pt x="647828" y="4251054"/>
                </a:lnTo>
                <a:lnTo>
                  <a:pt x="0" y="4251054"/>
                </a:lnTo>
                <a:close/>
              </a:path>
            </a:pathLst>
          </a:custGeom>
          <a:solidFill>
            <a:srgbClr val="BEB7B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4" name="Picture Placeholder 43">
            <a:extLst>
              <a:ext uri="{FF2B5EF4-FFF2-40B4-BE49-F238E27FC236}">
                <a16:creationId xmlns:a16="http://schemas.microsoft.com/office/drawing/2014/main" id="{F81DCD3B-BD43-4AD1-A51A-166EE0B96A0E}"/>
              </a:ext>
            </a:extLst>
          </p:cNvPr>
          <p:cNvSpPr>
            <a:spLocks noGrp="1"/>
          </p:cNvSpPr>
          <p:nvPr>
            <p:ph type="pic" sz="quarter" idx="14" hasCustomPrompt="1"/>
          </p:nvPr>
        </p:nvSpPr>
        <p:spPr>
          <a:xfrm>
            <a:off x="5766337" y="-25400"/>
            <a:ext cx="6425661" cy="4251054"/>
          </a:xfrm>
          <a:custGeom>
            <a:avLst/>
            <a:gdLst>
              <a:gd name="connsiteX0" fmla="*/ 3244075 w 6303962"/>
              <a:gd name="connsiteY0" fmla="*/ 0 h 4165600"/>
              <a:gd name="connsiteX1" fmla="*/ 3249629 w 6303962"/>
              <a:gd name="connsiteY1" fmla="*/ 0 h 4165600"/>
              <a:gd name="connsiteX2" fmla="*/ 3262819 w 6303962"/>
              <a:gd name="connsiteY2" fmla="*/ 0 h 4165600"/>
              <a:gd name="connsiteX3" fmla="*/ 3288504 w 6303962"/>
              <a:gd name="connsiteY3" fmla="*/ 0 h 4165600"/>
              <a:gd name="connsiteX4" fmla="*/ 3330851 w 6303962"/>
              <a:gd name="connsiteY4" fmla="*/ 0 h 4165600"/>
              <a:gd name="connsiteX5" fmla="*/ 3394024 w 6303962"/>
              <a:gd name="connsiteY5" fmla="*/ 0 h 4165600"/>
              <a:gd name="connsiteX6" fmla="*/ 3482188 w 6303962"/>
              <a:gd name="connsiteY6" fmla="*/ 0 h 4165600"/>
              <a:gd name="connsiteX7" fmla="*/ 3599509 w 6303962"/>
              <a:gd name="connsiteY7" fmla="*/ 0 h 4165600"/>
              <a:gd name="connsiteX8" fmla="*/ 3750152 w 6303962"/>
              <a:gd name="connsiteY8" fmla="*/ 0 h 4165600"/>
              <a:gd name="connsiteX9" fmla="*/ 3938283 w 6303962"/>
              <a:gd name="connsiteY9" fmla="*/ 0 h 4165600"/>
              <a:gd name="connsiteX10" fmla="*/ 4047707 w 6303962"/>
              <a:gd name="connsiteY10" fmla="*/ 0 h 4165600"/>
              <a:gd name="connsiteX11" fmla="*/ 4168065 w 6303962"/>
              <a:gd name="connsiteY11" fmla="*/ 0 h 4165600"/>
              <a:gd name="connsiteX12" fmla="*/ 4299878 w 6303962"/>
              <a:gd name="connsiteY12" fmla="*/ 0 h 4165600"/>
              <a:gd name="connsiteX13" fmla="*/ 4443666 w 6303962"/>
              <a:gd name="connsiteY13" fmla="*/ 0 h 4165600"/>
              <a:gd name="connsiteX14" fmla="*/ 4599949 w 6303962"/>
              <a:gd name="connsiteY14" fmla="*/ 0 h 4165600"/>
              <a:gd name="connsiteX15" fmla="*/ 4769249 w 6303962"/>
              <a:gd name="connsiteY15" fmla="*/ 0 h 4165600"/>
              <a:gd name="connsiteX16" fmla="*/ 4952086 w 6303962"/>
              <a:gd name="connsiteY16" fmla="*/ 0 h 4165600"/>
              <a:gd name="connsiteX17" fmla="*/ 5148980 w 6303962"/>
              <a:gd name="connsiteY17" fmla="*/ 0 h 4165600"/>
              <a:gd name="connsiteX18" fmla="*/ 5360453 w 6303962"/>
              <a:gd name="connsiteY18" fmla="*/ 0 h 4165600"/>
              <a:gd name="connsiteX19" fmla="*/ 5587025 w 6303962"/>
              <a:gd name="connsiteY19" fmla="*/ 0 h 4165600"/>
              <a:gd name="connsiteX20" fmla="*/ 5829217 w 6303962"/>
              <a:gd name="connsiteY20" fmla="*/ 0 h 4165600"/>
              <a:gd name="connsiteX21" fmla="*/ 6087549 w 6303962"/>
              <a:gd name="connsiteY21" fmla="*/ 0 h 4165600"/>
              <a:gd name="connsiteX22" fmla="*/ 6303962 w 6303962"/>
              <a:gd name="connsiteY22" fmla="*/ 0 h 4165600"/>
              <a:gd name="connsiteX23" fmla="*/ 6303962 w 6303962"/>
              <a:gd name="connsiteY23" fmla="*/ 1166814 h 4165600"/>
              <a:gd name="connsiteX24" fmla="*/ 6303962 w 6303962"/>
              <a:gd name="connsiteY24" fmla="*/ 1208641 h 4165600"/>
              <a:gd name="connsiteX25" fmla="*/ 6255328 w 6303962"/>
              <a:gd name="connsiteY25" fmla="*/ 1208641 h 4165600"/>
              <a:gd name="connsiteX26" fmla="*/ 5737027 w 6303962"/>
              <a:gd name="connsiteY26" fmla="*/ 1208641 h 4165600"/>
              <a:gd name="connsiteX27" fmla="*/ 5442406 w 6303962"/>
              <a:gd name="connsiteY27" fmla="*/ 1503511 h 4165600"/>
              <a:gd name="connsiteX28" fmla="*/ 5442406 w 6303962"/>
              <a:gd name="connsiteY28" fmla="*/ 2436724 h 4165600"/>
              <a:gd name="connsiteX29" fmla="*/ 3645538 w 6303962"/>
              <a:gd name="connsiteY29" fmla="*/ 2436724 h 4165600"/>
              <a:gd name="connsiteX30" fmla="*/ 3302352 w 6303962"/>
              <a:gd name="connsiteY30" fmla="*/ 2579298 h 4165600"/>
              <a:gd name="connsiteX31" fmla="*/ 2577130 w 6303962"/>
              <a:gd name="connsiteY31" fmla="*/ 3301891 h 4165600"/>
              <a:gd name="connsiteX32" fmla="*/ 2434675 w 6303962"/>
              <a:gd name="connsiteY32" fmla="*/ 3648606 h 4165600"/>
              <a:gd name="connsiteX33" fmla="*/ 2434675 w 6303962"/>
              <a:gd name="connsiteY33" fmla="*/ 4078467 h 4165600"/>
              <a:gd name="connsiteX34" fmla="*/ 2434675 w 6303962"/>
              <a:gd name="connsiteY34" fmla="*/ 4165600 h 4165600"/>
              <a:gd name="connsiteX35" fmla="*/ 0 w 6303962"/>
              <a:gd name="connsiteY35" fmla="*/ 4165600 h 4165600"/>
              <a:gd name="connsiteX36" fmla="*/ 0 w 6303962"/>
              <a:gd name="connsiteY36" fmla="*/ 4159007 h 4165600"/>
              <a:gd name="connsiteX37" fmla="*/ 0 w 6303962"/>
              <a:gd name="connsiteY37" fmla="*/ 4145158 h 4165600"/>
              <a:gd name="connsiteX38" fmla="*/ 0 w 6303962"/>
              <a:gd name="connsiteY38" fmla="*/ 4124497 h 4165600"/>
              <a:gd name="connsiteX39" fmla="*/ 0 w 6303962"/>
              <a:gd name="connsiteY39" fmla="*/ 4095662 h 4165600"/>
              <a:gd name="connsiteX40" fmla="*/ 0 w 6303962"/>
              <a:gd name="connsiteY40" fmla="*/ 4057292 h 4165600"/>
              <a:gd name="connsiteX41" fmla="*/ 0 w 6303962"/>
              <a:gd name="connsiteY41" fmla="*/ 4008023 h 4165600"/>
              <a:gd name="connsiteX42" fmla="*/ 0 w 6303962"/>
              <a:gd name="connsiteY42" fmla="*/ 3946494 h 4165600"/>
              <a:gd name="connsiteX43" fmla="*/ 0 w 6303962"/>
              <a:gd name="connsiteY43" fmla="*/ 3871342 h 4165600"/>
              <a:gd name="connsiteX44" fmla="*/ 0 w 6303962"/>
              <a:gd name="connsiteY44" fmla="*/ 3781206 h 4165600"/>
              <a:gd name="connsiteX45" fmla="*/ 0 w 6303962"/>
              <a:gd name="connsiteY45" fmla="*/ 3674722 h 4165600"/>
              <a:gd name="connsiteX46" fmla="*/ 0 w 6303962"/>
              <a:gd name="connsiteY46" fmla="*/ 3550529 h 4165600"/>
              <a:gd name="connsiteX47" fmla="*/ 0 w 6303962"/>
              <a:gd name="connsiteY47" fmla="*/ 3407264 h 4165600"/>
              <a:gd name="connsiteX48" fmla="*/ 0 w 6303962"/>
              <a:gd name="connsiteY48" fmla="*/ 3243565 h 4165600"/>
              <a:gd name="connsiteX49" fmla="*/ 569818 w 6303962"/>
              <a:gd name="connsiteY49" fmla="*/ 1866427 h 4165600"/>
              <a:gd name="connsiteX50" fmla="*/ 1864858 w 6303962"/>
              <a:gd name="connsiteY50" fmla="*/ 570297 h 4165600"/>
              <a:gd name="connsiteX51" fmla="*/ 3244075 w 6303962"/>
              <a:gd name="connsiteY51" fmla="*/ 0 h 4165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6303962" h="4165600">
                <a:moveTo>
                  <a:pt x="3244075" y="0"/>
                </a:moveTo>
                <a:lnTo>
                  <a:pt x="3249629" y="0"/>
                </a:lnTo>
                <a:lnTo>
                  <a:pt x="3262819" y="0"/>
                </a:lnTo>
                <a:lnTo>
                  <a:pt x="3288504" y="0"/>
                </a:lnTo>
                <a:lnTo>
                  <a:pt x="3330851" y="0"/>
                </a:lnTo>
                <a:lnTo>
                  <a:pt x="3394024" y="0"/>
                </a:lnTo>
                <a:lnTo>
                  <a:pt x="3482188" y="0"/>
                </a:lnTo>
                <a:lnTo>
                  <a:pt x="3599509" y="0"/>
                </a:lnTo>
                <a:lnTo>
                  <a:pt x="3750152" y="0"/>
                </a:lnTo>
                <a:lnTo>
                  <a:pt x="3938283" y="0"/>
                </a:lnTo>
                <a:lnTo>
                  <a:pt x="4047707" y="0"/>
                </a:lnTo>
                <a:lnTo>
                  <a:pt x="4168065" y="0"/>
                </a:lnTo>
                <a:lnTo>
                  <a:pt x="4299878" y="0"/>
                </a:lnTo>
                <a:lnTo>
                  <a:pt x="4443666" y="0"/>
                </a:lnTo>
                <a:lnTo>
                  <a:pt x="4599949" y="0"/>
                </a:lnTo>
                <a:lnTo>
                  <a:pt x="4769249" y="0"/>
                </a:lnTo>
                <a:lnTo>
                  <a:pt x="4952086" y="0"/>
                </a:lnTo>
                <a:lnTo>
                  <a:pt x="5148980" y="0"/>
                </a:lnTo>
                <a:lnTo>
                  <a:pt x="5360453" y="0"/>
                </a:lnTo>
                <a:lnTo>
                  <a:pt x="5587025" y="0"/>
                </a:lnTo>
                <a:lnTo>
                  <a:pt x="5829217" y="0"/>
                </a:lnTo>
                <a:lnTo>
                  <a:pt x="6087549" y="0"/>
                </a:lnTo>
                <a:lnTo>
                  <a:pt x="6303962" y="0"/>
                </a:lnTo>
                <a:lnTo>
                  <a:pt x="6303962" y="1166814"/>
                </a:lnTo>
                <a:lnTo>
                  <a:pt x="6303962" y="1208641"/>
                </a:lnTo>
                <a:lnTo>
                  <a:pt x="6255328" y="1208641"/>
                </a:lnTo>
                <a:cubicBezTo>
                  <a:pt x="6105051" y="1208641"/>
                  <a:pt x="5933307" y="1208641"/>
                  <a:pt x="5737027" y="1208641"/>
                </a:cubicBezTo>
                <a:cubicBezTo>
                  <a:pt x="5575147" y="1208641"/>
                  <a:pt x="5442406" y="1341494"/>
                  <a:pt x="5442406" y="1503511"/>
                </a:cubicBezTo>
                <a:cubicBezTo>
                  <a:pt x="5442406" y="1503511"/>
                  <a:pt x="5442406" y="1503511"/>
                  <a:pt x="5442406" y="2436724"/>
                </a:cubicBezTo>
                <a:cubicBezTo>
                  <a:pt x="5442406" y="2436724"/>
                  <a:pt x="5442406" y="2436724"/>
                  <a:pt x="3645538" y="2436724"/>
                </a:cubicBezTo>
                <a:cubicBezTo>
                  <a:pt x="3516034" y="2436724"/>
                  <a:pt x="3393005" y="2488569"/>
                  <a:pt x="3302352" y="2579298"/>
                </a:cubicBezTo>
                <a:cubicBezTo>
                  <a:pt x="3302352" y="2579298"/>
                  <a:pt x="3302352" y="2579298"/>
                  <a:pt x="2577130" y="3301891"/>
                </a:cubicBezTo>
                <a:cubicBezTo>
                  <a:pt x="2486477" y="3395860"/>
                  <a:pt x="2434675" y="3518993"/>
                  <a:pt x="2434675" y="3648606"/>
                </a:cubicBezTo>
                <a:cubicBezTo>
                  <a:pt x="2434675" y="3648606"/>
                  <a:pt x="2434675" y="3648606"/>
                  <a:pt x="2434675" y="4078467"/>
                </a:cubicBezTo>
                <a:lnTo>
                  <a:pt x="2434675" y="4165600"/>
                </a:lnTo>
                <a:lnTo>
                  <a:pt x="0" y="4165600"/>
                </a:lnTo>
                <a:lnTo>
                  <a:pt x="0" y="4159007"/>
                </a:lnTo>
                <a:lnTo>
                  <a:pt x="0" y="4145158"/>
                </a:lnTo>
                <a:lnTo>
                  <a:pt x="0" y="4124497"/>
                </a:lnTo>
                <a:lnTo>
                  <a:pt x="0" y="4095662"/>
                </a:lnTo>
                <a:lnTo>
                  <a:pt x="0" y="4057292"/>
                </a:lnTo>
                <a:lnTo>
                  <a:pt x="0" y="4008023"/>
                </a:lnTo>
                <a:lnTo>
                  <a:pt x="0" y="3946494"/>
                </a:lnTo>
                <a:lnTo>
                  <a:pt x="0" y="3871342"/>
                </a:lnTo>
                <a:lnTo>
                  <a:pt x="0" y="3781206"/>
                </a:lnTo>
                <a:lnTo>
                  <a:pt x="0" y="3674722"/>
                </a:lnTo>
                <a:lnTo>
                  <a:pt x="0" y="3550529"/>
                </a:lnTo>
                <a:lnTo>
                  <a:pt x="0" y="3407264"/>
                </a:lnTo>
                <a:lnTo>
                  <a:pt x="0" y="3243565"/>
                </a:lnTo>
                <a:cubicBezTo>
                  <a:pt x="0" y="2728353"/>
                  <a:pt x="203969" y="2229343"/>
                  <a:pt x="569818" y="1866427"/>
                </a:cubicBezTo>
                <a:cubicBezTo>
                  <a:pt x="569818" y="1866427"/>
                  <a:pt x="569818" y="1866427"/>
                  <a:pt x="1864858" y="570297"/>
                </a:cubicBezTo>
                <a:cubicBezTo>
                  <a:pt x="2230706" y="204141"/>
                  <a:pt x="2726059" y="0"/>
                  <a:pt x="3244075" y="0"/>
                </a:cubicBezTo>
                <a:close/>
              </a:path>
            </a:pathLst>
          </a:custGeom>
          <a:solidFill>
            <a:schemeClr val="bg1"/>
          </a:solidFill>
        </p:spPr>
        <p:txBody>
          <a:bodyPr wrap="square" lIns="720000" bIns="648000" anchor="ctr">
            <a:noAutofit/>
          </a:bodyPr>
          <a:lstStyle>
            <a:lvl1pPr marL="0" indent="0" algn="ctr">
              <a:buNone/>
              <a:defRPr/>
            </a:lvl1pPr>
          </a:lstStyle>
          <a:p>
            <a:r>
              <a:rPr lang="en-GB" dirty="0"/>
              <a:t>Click on the placeholder and paste</a:t>
            </a:r>
            <a:br>
              <a:rPr lang="en-GB" dirty="0"/>
            </a:br>
            <a:r>
              <a:rPr lang="en-GB" dirty="0"/>
              <a:t>images via Images Library </a:t>
            </a:r>
          </a:p>
          <a:p>
            <a:endParaRPr lang="en-GB" dirty="0"/>
          </a:p>
        </p:txBody>
      </p:sp>
      <p:sp>
        <p:nvSpPr>
          <p:cNvPr id="18" name="Freeform: Shape 17">
            <a:extLst>
              <a:ext uri="{FF2B5EF4-FFF2-40B4-BE49-F238E27FC236}">
                <a16:creationId xmlns:a16="http://schemas.microsoft.com/office/drawing/2014/main" id="{3376FF03-DD8B-41BC-B74D-1BE3B54310E9}"/>
              </a:ext>
            </a:extLst>
          </p:cNvPr>
          <p:cNvSpPr>
            <a:spLocks/>
          </p:cNvSpPr>
          <p:nvPr userDrawn="1"/>
        </p:nvSpPr>
        <p:spPr bwMode="auto">
          <a:xfrm>
            <a:off x="8241984" y="2365434"/>
            <a:ext cx="3069431" cy="1860220"/>
          </a:xfrm>
          <a:custGeom>
            <a:avLst/>
            <a:gdLst>
              <a:gd name="connsiteX0" fmla="*/ 1236835 w 3069431"/>
              <a:gd name="connsiteY0" fmla="*/ 0 h 1860220"/>
              <a:gd name="connsiteX1" fmla="*/ 2748809 w 3069431"/>
              <a:gd name="connsiteY1" fmla="*/ 0 h 1860220"/>
              <a:gd name="connsiteX2" fmla="*/ 2845117 w 3069431"/>
              <a:gd name="connsiteY2" fmla="*/ 0 h 1860220"/>
              <a:gd name="connsiteX3" fmla="*/ 3069431 w 3069431"/>
              <a:gd name="connsiteY3" fmla="*/ 0 h 1860220"/>
              <a:gd name="connsiteX4" fmla="*/ 3069431 w 3069431"/>
              <a:gd name="connsiteY4" fmla="*/ 306853 h 1860220"/>
              <a:gd name="connsiteX5" fmla="*/ 3060188 w 3069431"/>
              <a:gd name="connsiteY5" fmla="*/ 406761 h 1860220"/>
              <a:gd name="connsiteX6" fmla="*/ 2893274 w 3069431"/>
              <a:gd name="connsiteY6" fmla="*/ 732288 h 1860220"/>
              <a:gd name="connsiteX7" fmla="*/ 1997276 w 3069431"/>
              <a:gd name="connsiteY7" fmla="*/ 1676281 h 1860220"/>
              <a:gd name="connsiteX8" fmla="*/ 1567461 w 3069431"/>
              <a:gd name="connsiteY8" fmla="*/ 1860220 h 1860220"/>
              <a:gd name="connsiteX9" fmla="*/ 188976 w 3069431"/>
              <a:gd name="connsiteY9" fmla="*/ 1860220 h 1860220"/>
              <a:gd name="connsiteX10" fmla="*/ 0 w 3069431"/>
              <a:gd name="connsiteY10" fmla="*/ 1860220 h 1860220"/>
              <a:gd name="connsiteX11" fmla="*/ 0 w 3069431"/>
              <a:gd name="connsiteY11" fmla="*/ 1856759 h 1860220"/>
              <a:gd name="connsiteX12" fmla="*/ 292 w 3069431"/>
              <a:gd name="connsiteY12" fmla="*/ 1856750 h 1860220"/>
              <a:gd name="connsiteX13" fmla="*/ 292 w 3069431"/>
              <a:gd name="connsiteY13" fmla="*/ 1297990 h 1860220"/>
              <a:gd name="connsiteX14" fmla="*/ 145767 w 3069431"/>
              <a:gd name="connsiteY14" fmla="*/ 926640 h 1860220"/>
              <a:gd name="connsiteX15" fmla="*/ 886371 w 3069431"/>
              <a:gd name="connsiteY15" fmla="*/ 152705 h 1860220"/>
              <a:gd name="connsiteX16" fmla="*/ 1236835 w 3069431"/>
              <a:gd name="connsiteY16" fmla="*/ 0 h 18602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069431" h="1860220">
                <a:moveTo>
                  <a:pt x="1236835" y="0"/>
                </a:moveTo>
                <a:cubicBezTo>
                  <a:pt x="1236835" y="0"/>
                  <a:pt x="1236835" y="0"/>
                  <a:pt x="2748809" y="0"/>
                </a:cubicBezTo>
                <a:lnTo>
                  <a:pt x="2845117" y="0"/>
                </a:lnTo>
                <a:lnTo>
                  <a:pt x="3069431" y="0"/>
                </a:lnTo>
                <a:lnTo>
                  <a:pt x="3069431" y="306853"/>
                </a:lnTo>
                <a:lnTo>
                  <a:pt x="3060188" y="406761"/>
                </a:lnTo>
                <a:cubicBezTo>
                  <a:pt x="3037096" y="529911"/>
                  <a:pt x="2980063" y="643789"/>
                  <a:pt x="2893274" y="732288"/>
                </a:cubicBezTo>
                <a:cubicBezTo>
                  <a:pt x="2893274" y="732288"/>
                  <a:pt x="2893274" y="732288"/>
                  <a:pt x="1997276" y="1676281"/>
                </a:cubicBezTo>
                <a:cubicBezTo>
                  <a:pt x="1881557" y="1794280"/>
                  <a:pt x="1729468" y="1860220"/>
                  <a:pt x="1567461" y="1860220"/>
                </a:cubicBezTo>
                <a:cubicBezTo>
                  <a:pt x="1567461" y="1860220"/>
                  <a:pt x="1567461" y="1860220"/>
                  <a:pt x="188976" y="1860220"/>
                </a:cubicBezTo>
                <a:lnTo>
                  <a:pt x="0" y="1860220"/>
                </a:lnTo>
                <a:lnTo>
                  <a:pt x="0" y="1856759"/>
                </a:lnTo>
                <a:lnTo>
                  <a:pt x="292" y="1856750"/>
                </a:lnTo>
                <a:cubicBezTo>
                  <a:pt x="292" y="1856750"/>
                  <a:pt x="292" y="1856750"/>
                  <a:pt x="292" y="1297990"/>
                </a:cubicBezTo>
                <a:cubicBezTo>
                  <a:pt x="292" y="1159167"/>
                  <a:pt x="53192" y="1027286"/>
                  <a:pt x="145767" y="926640"/>
                </a:cubicBezTo>
                <a:cubicBezTo>
                  <a:pt x="145767" y="926640"/>
                  <a:pt x="145767" y="926640"/>
                  <a:pt x="886371" y="152705"/>
                </a:cubicBezTo>
                <a:cubicBezTo>
                  <a:pt x="978946" y="55529"/>
                  <a:pt x="1104584" y="0"/>
                  <a:pt x="1236835"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ctrTitle" hasCustomPrompt="1"/>
          </p:nvPr>
        </p:nvSpPr>
        <p:spPr>
          <a:xfrm>
            <a:off x="472279" y="1148695"/>
            <a:ext cx="5286438" cy="1315759"/>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14" name="Text Placeholder 11">
            <a:extLst>
              <a:ext uri="{FF2B5EF4-FFF2-40B4-BE49-F238E27FC236}">
                <a16:creationId xmlns:a16="http://schemas.microsoft.com/office/drawing/2014/main" id="{52D943A6-33D1-4A7F-AA3D-B7022BB00759}"/>
              </a:ext>
            </a:extLst>
          </p:cNvPr>
          <p:cNvSpPr>
            <a:spLocks noGrp="1"/>
          </p:cNvSpPr>
          <p:nvPr>
            <p:ph type="body" sz="quarter" idx="13" hasCustomPrompt="1"/>
          </p:nvPr>
        </p:nvSpPr>
        <p:spPr>
          <a:xfrm>
            <a:off x="450850" y="5067300"/>
            <a:ext cx="5307867"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40652657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Frontpage F">
    <p:spTree>
      <p:nvGrpSpPr>
        <p:cNvPr id="1" name=""/>
        <p:cNvGrpSpPr/>
        <p:nvPr/>
      </p:nvGrpSpPr>
      <p:grpSpPr>
        <a:xfrm>
          <a:off x="0" y="0"/>
          <a:ext cx="0" cy="0"/>
          <a:chOff x="0" y="0"/>
          <a:chExt cx="0" cy="0"/>
        </a:xfrm>
      </p:grpSpPr>
      <p:sp>
        <p:nvSpPr>
          <p:cNvPr id="16" name="Freeform: Shape 15">
            <a:extLst>
              <a:ext uri="{FF2B5EF4-FFF2-40B4-BE49-F238E27FC236}">
                <a16:creationId xmlns:a16="http://schemas.microsoft.com/office/drawing/2014/main" id="{B7F7D4E1-5B00-4BA8-9F6B-3092C01DF73C}"/>
              </a:ext>
            </a:extLst>
          </p:cNvPr>
          <p:cNvSpPr>
            <a:spLocks/>
          </p:cNvSpPr>
          <p:nvPr userDrawn="1"/>
        </p:nvSpPr>
        <p:spPr bwMode="auto">
          <a:xfrm>
            <a:off x="0" y="1623695"/>
            <a:ext cx="9077690" cy="2722008"/>
          </a:xfrm>
          <a:custGeom>
            <a:avLst/>
            <a:gdLst>
              <a:gd name="connsiteX0" fmla="*/ 0 w 9077690"/>
              <a:gd name="connsiteY0" fmla="*/ 0 h 2722008"/>
              <a:gd name="connsiteX1" fmla="*/ 6621060 w 9077690"/>
              <a:gd name="connsiteY1" fmla="*/ 0 h 2722008"/>
              <a:gd name="connsiteX2" fmla="*/ 7320821 w 9077690"/>
              <a:gd name="connsiteY2" fmla="*/ 289505 h 2722008"/>
              <a:gd name="connsiteX3" fmla="*/ 8787545 w 9077690"/>
              <a:gd name="connsiteY3" fmla="*/ 1759461 h 2722008"/>
              <a:gd name="connsiteX4" fmla="*/ 9077690 w 9077690"/>
              <a:gd name="connsiteY4" fmla="*/ 2460255 h 2722008"/>
              <a:gd name="connsiteX5" fmla="*/ 9077690 w 9077690"/>
              <a:gd name="connsiteY5" fmla="*/ 2639171 h 2722008"/>
              <a:gd name="connsiteX6" fmla="*/ 9077690 w 9077690"/>
              <a:gd name="connsiteY6" fmla="*/ 2722008 h 2722008"/>
              <a:gd name="connsiteX7" fmla="*/ 0 w 9077690"/>
              <a:gd name="connsiteY7" fmla="*/ 2722008 h 2722008"/>
              <a:gd name="connsiteX8" fmla="*/ 0 w 9077690"/>
              <a:gd name="connsiteY8" fmla="*/ 2721998 h 2722008"/>
              <a:gd name="connsiteX9" fmla="*/ 0 w 9077690"/>
              <a:gd name="connsiteY9" fmla="*/ 0 h 2722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077690" h="2722008">
                <a:moveTo>
                  <a:pt x="0" y="0"/>
                </a:moveTo>
                <a:cubicBezTo>
                  <a:pt x="0" y="0"/>
                  <a:pt x="0" y="0"/>
                  <a:pt x="6621060" y="0"/>
                </a:cubicBezTo>
                <a:cubicBezTo>
                  <a:pt x="6883471" y="0"/>
                  <a:pt x="7135214" y="104692"/>
                  <a:pt x="7320821" y="289505"/>
                </a:cubicBezTo>
                <a:cubicBezTo>
                  <a:pt x="7320821" y="289505"/>
                  <a:pt x="7320821" y="289505"/>
                  <a:pt x="8787545" y="1759461"/>
                </a:cubicBezTo>
                <a:cubicBezTo>
                  <a:pt x="8973153" y="1945342"/>
                  <a:pt x="9077690" y="2197457"/>
                  <a:pt x="9077690" y="2460255"/>
                </a:cubicBezTo>
                <a:cubicBezTo>
                  <a:pt x="9077690" y="2460255"/>
                  <a:pt x="9077690" y="2460255"/>
                  <a:pt x="9077690" y="2639171"/>
                </a:cubicBezTo>
                <a:lnTo>
                  <a:pt x="9077690" y="2722008"/>
                </a:lnTo>
                <a:lnTo>
                  <a:pt x="0" y="2722008"/>
                </a:lnTo>
                <a:lnTo>
                  <a:pt x="0" y="2721998"/>
                </a:lnTo>
                <a:cubicBezTo>
                  <a:pt x="0" y="2684711"/>
                  <a:pt x="0" y="2386409"/>
                  <a:pt x="0"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36" name="Picture Placeholder 35">
            <a:extLst>
              <a:ext uri="{FF2B5EF4-FFF2-40B4-BE49-F238E27FC236}">
                <a16:creationId xmlns:a16="http://schemas.microsoft.com/office/drawing/2014/main" id="{23CBC1D3-25A5-4A60-A5E4-6B029DE19944}"/>
              </a:ext>
            </a:extLst>
          </p:cNvPr>
          <p:cNvSpPr>
            <a:spLocks noGrp="1"/>
          </p:cNvSpPr>
          <p:nvPr>
            <p:ph type="pic" sz="quarter" idx="14" hasCustomPrompt="1"/>
          </p:nvPr>
        </p:nvSpPr>
        <p:spPr>
          <a:xfrm>
            <a:off x="0" y="0"/>
            <a:ext cx="12192000" cy="6858000"/>
          </a:xfrm>
          <a:custGeom>
            <a:avLst/>
            <a:gdLst>
              <a:gd name="connsiteX0" fmla="*/ 0 w 12192000"/>
              <a:gd name="connsiteY0" fmla="*/ 6857999 h 6858000"/>
              <a:gd name="connsiteX1" fmla="*/ 5453246 w 12192000"/>
              <a:gd name="connsiteY1" fmla="*/ 6857999 h 6858000"/>
              <a:gd name="connsiteX2" fmla="*/ 5810250 w 12192000"/>
              <a:gd name="connsiteY2" fmla="*/ 6857999 h 6858000"/>
              <a:gd name="connsiteX3" fmla="*/ 11582400 w 12192000"/>
              <a:gd name="connsiteY3" fmla="*/ 6857999 h 6858000"/>
              <a:gd name="connsiteX4" fmla="*/ 11602479 w 12192000"/>
              <a:gd name="connsiteY4" fmla="*/ 6857999 h 6858000"/>
              <a:gd name="connsiteX5" fmla="*/ 12192000 w 12192000"/>
              <a:gd name="connsiteY5" fmla="*/ 6857999 h 6858000"/>
              <a:gd name="connsiteX6" fmla="*/ 12192000 w 12192000"/>
              <a:gd name="connsiteY6" fmla="*/ 6858000 h 6858000"/>
              <a:gd name="connsiteX7" fmla="*/ 0 w 12192000"/>
              <a:gd name="connsiteY7" fmla="*/ 6858000 h 6858000"/>
              <a:gd name="connsiteX8" fmla="*/ 0 w 12192000"/>
              <a:gd name="connsiteY8" fmla="*/ 0 h 6858000"/>
              <a:gd name="connsiteX9" fmla="*/ 12192000 w 12192000"/>
              <a:gd name="connsiteY9" fmla="*/ 0 h 6858000"/>
              <a:gd name="connsiteX10" fmla="*/ 12192000 w 12192000"/>
              <a:gd name="connsiteY10" fmla="*/ 1430905 h 6858000"/>
              <a:gd name="connsiteX11" fmla="*/ 12124747 w 12192000"/>
              <a:gd name="connsiteY11" fmla="*/ 1430905 h 6858000"/>
              <a:gd name="connsiteX12" fmla="*/ 11557214 w 12192000"/>
              <a:gd name="connsiteY12" fmla="*/ 1430905 h 6858000"/>
              <a:gd name="connsiteX13" fmla="*/ 11265842 w 12192000"/>
              <a:gd name="connsiteY13" fmla="*/ 1722526 h 6858000"/>
              <a:gd name="connsiteX14" fmla="*/ 11265842 w 12192000"/>
              <a:gd name="connsiteY14" fmla="*/ 2896431 h 6858000"/>
              <a:gd name="connsiteX15" fmla="*/ 11096317 w 12192000"/>
              <a:gd name="connsiteY15" fmla="*/ 3307881 h 6858000"/>
              <a:gd name="connsiteX16" fmla="*/ 10232798 w 12192000"/>
              <a:gd name="connsiteY16" fmla="*/ 4173199 h 6858000"/>
              <a:gd name="connsiteX17" fmla="*/ 9821700 w 12192000"/>
              <a:gd name="connsiteY17" fmla="*/ 4343929 h 6858000"/>
              <a:gd name="connsiteX18" fmla="*/ 9318267 w 12192000"/>
              <a:gd name="connsiteY18" fmla="*/ 4343929 h 6858000"/>
              <a:gd name="connsiteX19" fmla="*/ 9077690 w 12192000"/>
              <a:gd name="connsiteY19" fmla="*/ 4343929 h 6858000"/>
              <a:gd name="connsiteX20" fmla="*/ 9077690 w 12192000"/>
              <a:gd name="connsiteY20" fmla="*/ 4274295 h 6858000"/>
              <a:gd name="connsiteX21" fmla="*/ 9077690 w 12192000"/>
              <a:gd name="connsiteY21" fmla="*/ 4095379 h 6858000"/>
              <a:gd name="connsiteX22" fmla="*/ 8787545 w 12192000"/>
              <a:gd name="connsiteY22" fmla="*/ 3394585 h 6858000"/>
              <a:gd name="connsiteX23" fmla="*/ 7320821 w 12192000"/>
              <a:gd name="connsiteY23" fmla="*/ 1924629 h 6858000"/>
              <a:gd name="connsiteX24" fmla="*/ 6621060 w 12192000"/>
              <a:gd name="connsiteY24" fmla="*/ 1635124 h 6858000"/>
              <a:gd name="connsiteX25" fmla="*/ 0 w 12192000"/>
              <a:gd name="connsiteY25" fmla="*/ 163512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2192000" h="6858000">
                <a:moveTo>
                  <a:pt x="0" y="6857999"/>
                </a:moveTo>
                <a:lnTo>
                  <a:pt x="5453246" y="6857999"/>
                </a:lnTo>
                <a:lnTo>
                  <a:pt x="5810250" y="6857999"/>
                </a:lnTo>
                <a:lnTo>
                  <a:pt x="11582400" y="6857999"/>
                </a:lnTo>
                <a:lnTo>
                  <a:pt x="11602479" y="6857999"/>
                </a:lnTo>
                <a:lnTo>
                  <a:pt x="12192000" y="6857999"/>
                </a:lnTo>
                <a:lnTo>
                  <a:pt x="12192000" y="6858000"/>
                </a:lnTo>
                <a:lnTo>
                  <a:pt x="0" y="6858000"/>
                </a:lnTo>
                <a:close/>
                <a:moveTo>
                  <a:pt x="0" y="0"/>
                </a:moveTo>
                <a:lnTo>
                  <a:pt x="12192000" y="0"/>
                </a:lnTo>
                <a:lnTo>
                  <a:pt x="12192000" y="1430905"/>
                </a:lnTo>
                <a:lnTo>
                  <a:pt x="12124747" y="1430905"/>
                </a:lnTo>
                <a:cubicBezTo>
                  <a:pt x="11557214" y="1430905"/>
                  <a:pt x="11557214" y="1430905"/>
                  <a:pt x="11557214" y="1430905"/>
                </a:cubicBezTo>
                <a:cubicBezTo>
                  <a:pt x="11396165" y="1430905"/>
                  <a:pt x="11265842" y="1561339"/>
                  <a:pt x="11265842" y="1722526"/>
                </a:cubicBezTo>
                <a:cubicBezTo>
                  <a:pt x="11265842" y="2896431"/>
                  <a:pt x="11265842" y="2896431"/>
                  <a:pt x="11265842" y="2896431"/>
                </a:cubicBezTo>
                <a:cubicBezTo>
                  <a:pt x="11265842" y="3051255"/>
                  <a:pt x="11205449" y="3198656"/>
                  <a:pt x="11096317" y="3307881"/>
                </a:cubicBezTo>
                <a:cubicBezTo>
                  <a:pt x="10232798" y="4173199"/>
                  <a:pt x="10232798" y="4173199"/>
                  <a:pt x="10232798" y="4173199"/>
                </a:cubicBezTo>
                <a:cubicBezTo>
                  <a:pt x="10123666" y="4282424"/>
                  <a:pt x="9976391" y="4343929"/>
                  <a:pt x="9821700" y="4343929"/>
                </a:cubicBezTo>
                <a:cubicBezTo>
                  <a:pt x="9646467" y="4343929"/>
                  <a:pt x="9478764" y="4343929"/>
                  <a:pt x="9318267" y="4343929"/>
                </a:cubicBezTo>
                <a:lnTo>
                  <a:pt x="9077690" y="4343929"/>
                </a:lnTo>
                <a:lnTo>
                  <a:pt x="9077690" y="4274295"/>
                </a:lnTo>
                <a:cubicBezTo>
                  <a:pt x="9077690" y="4095379"/>
                  <a:pt x="9077690" y="4095379"/>
                  <a:pt x="9077690" y="4095379"/>
                </a:cubicBezTo>
                <a:cubicBezTo>
                  <a:pt x="9077690" y="3832581"/>
                  <a:pt x="8973153" y="3580466"/>
                  <a:pt x="8787545" y="3394585"/>
                </a:cubicBezTo>
                <a:cubicBezTo>
                  <a:pt x="7320821" y="1924629"/>
                  <a:pt x="7320821" y="1924629"/>
                  <a:pt x="7320821" y="1924629"/>
                </a:cubicBezTo>
                <a:cubicBezTo>
                  <a:pt x="7135214" y="1739816"/>
                  <a:pt x="6883471" y="1635124"/>
                  <a:pt x="6621060" y="1635124"/>
                </a:cubicBezTo>
                <a:cubicBezTo>
                  <a:pt x="0" y="1635124"/>
                  <a:pt x="0" y="1635124"/>
                  <a:pt x="0" y="1635124"/>
                </a:cubicBezTo>
                <a:close/>
              </a:path>
            </a:pathLst>
          </a:custGeom>
        </p:spPr>
        <p:txBody>
          <a:bodyPr wrap="square" lIns="72000" tIns="72000">
            <a:noAutofit/>
          </a:bodyPr>
          <a:lstStyle>
            <a:lvl1pPr marL="0" indent="0" algn="ctr">
              <a:buNone/>
              <a:defRPr/>
            </a:lvl1pPr>
          </a:lstStyle>
          <a:p>
            <a:r>
              <a:rPr lang="en-GB" dirty="0"/>
              <a:t>Click on the placeholder and paste images via Images Library </a:t>
            </a:r>
          </a:p>
        </p:txBody>
      </p:sp>
      <p:sp>
        <p:nvSpPr>
          <p:cNvPr id="2" name="Title 1"/>
          <p:cNvSpPr>
            <a:spLocks noGrp="1"/>
          </p:cNvSpPr>
          <p:nvPr>
            <p:ph type="ctrTitle" hasCustomPrompt="1"/>
          </p:nvPr>
        </p:nvSpPr>
        <p:spPr>
          <a:xfrm>
            <a:off x="472278" y="2144713"/>
            <a:ext cx="6563521" cy="1284287"/>
          </a:xfrm>
          <a:prstGeom prst="rect">
            <a:avLst/>
          </a:prstGeom>
        </p:spPr>
        <p:txBody>
          <a:bodyPr anchor="t"/>
          <a:lstStyle>
            <a:lvl1pPr algn="l">
              <a:defRPr sz="3600" cap="all" baseline="0">
                <a:solidFill>
                  <a:schemeClr val="bg1"/>
                </a:solidFill>
              </a:defRPr>
            </a:lvl1pPr>
          </a:lstStyle>
          <a:p>
            <a:r>
              <a:rPr lang="en-GB"/>
              <a:t>Click to insert title</a:t>
            </a:r>
          </a:p>
        </p:txBody>
      </p:sp>
      <p:sp>
        <p:nvSpPr>
          <p:cNvPr id="12" name="Text Placeholder 11">
            <a:extLst>
              <a:ext uri="{FF2B5EF4-FFF2-40B4-BE49-F238E27FC236}">
                <a16:creationId xmlns:a16="http://schemas.microsoft.com/office/drawing/2014/main" id="{204B0DEF-6B05-458B-AA4C-DB37181841ED}"/>
              </a:ext>
            </a:extLst>
          </p:cNvPr>
          <p:cNvSpPr>
            <a:spLocks noGrp="1"/>
          </p:cNvSpPr>
          <p:nvPr>
            <p:ph type="body" sz="quarter" idx="13" hasCustomPrompt="1"/>
          </p:nvPr>
        </p:nvSpPr>
        <p:spPr>
          <a:xfrm>
            <a:off x="450850" y="5067300"/>
            <a:ext cx="5592762"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111512193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Frontpage G">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06399" y="425727"/>
            <a:ext cx="11350625"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Shape 33">
            <a:extLst>
              <a:ext uri="{FF2B5EF4-FFF2-40B4-BE49-F238E27FC236}">
                <a16:creationId xmlns:a16="http://schemas.microsoft.com/office/drawing/2014/main" id="{91C0615E-42C5-4CC5-8EAA-142AF88A9949}"/>
              </a:ext>
            </a:extLst>
          </p:cNvPr>
          <p:cNvSpPr>
            <a:spLocks/>
          </p:cNvSpPr>
          <p:nvPr userDrawn="1"/>
        </p:nvSpPr>
        <p:spPr bwMode="auto">
          <a:xfrm>
            <a:off x="6766530" y="1029662"/>
            <a:ext cx="5425471" cy="4077704"/>
          </a:xfrm>
          <a:custGeom>
            <a:avLst/>
            <a:gdLst>
              <a:gd name="connsiteX0" fmla="*/ 3248540 w 5425471"/>
              <a:gd name="connsiteY0" fmla="*/ 0 h 4077704"/>
              <a:gd name="connsiteX1" fmla="*/ 5301777 w 5425471"/>
              <a:gd name="connsiteY1" fmla="*/ 0 h 4077704"/>
              <a:gd name="connsiteX2" fmla="*/ 5425471 w 5425471"/>
              <a:gd name="connsiteY2" fmla="*/ 0 h 4077704"/>
              <a:gd name="connsiteX3" fmla="*/ 5425471 w 5425471"/>
              <a:gd name="connsiteY3" fmla="*/ 2443670 h 4077704"/>
              <a:gd name="connsiteX4" fmla="*/ 5239839 w 5425471"/>
              <a:gd name="connsiteY4" fmla="*/ 2443670 h 4077704"/>
              <a:gd name="connsiteX5" fmla="*/ 3652289 w 5425471"/>
              <a:gd name="connsiteY5" fmla="*/ 2443670 h 4077704"/>
              <a:gd name="connsiteX6" fmla="*/ 3307466 w 5425471"/>
              <a:gd name="connsiteY6" fmla="*/ 2586773 h 4077704"/>
              <a:gd name="connsiteX7" fmla="*/ 2582900 w 5425471"/>
              <a:gd name="connsiteY7" fmla="*/ 3312118 h 4077704"/>
              <a:gd name="connsiteX8" fmla="*/ 2439952 w 5425471"/>
              <a:gd name="connsiteY8" fmla="*/ 3657312 h 4077704"/>
              <a:gd name="connsiteX9" fmla="*/ 2439952 w 5425471"/>
              <a:gd name="connsiteY9" fmla="*/ 4008583 h 4077704"/>
              <a:gd name="connsiteX10" fmla="*/ 2439952 w 5425471"/>
              <a:gd name="connsiteY10" fmla="*/ 4077704 h 4077704"/>
              <a:gd name="connsiteX11" fmla="*/ 0 w 5425471"/>
              <a:gd name="connsiteY11" fmla="*/ 4077704 h 4077704"/>
              <a:gd name="connsiteX12" fmla="*/ 0 w 5425471"/>
              <a:gd name="connsiteY12" fmla="*/ 4069415 h 4077704"/>
              <a:gd name="connsiteX13" fmla="*/ 0 w 5425471"/>
              <a:gd name="connsiteY13" fmla="*/ 3253129 h 4077704"/>
              <a:gd name="connsiteX14" fmla="*/ 571796 w 5425471"/>
              <a:gd name="connsiteY14" fmla="*/ 1871259 h 4077704"/>
              <a:gd name="connsiteX15" fmla="*/ 1868156 w 5425471"/>
              <a:gd name="connsiteY15" fmla="*/ 572411 h 4077704"/>
              <a:gd name="connsiteX16" fmla="*/ 3248540 w 5425471"/>
              <a:gd name="connsiteY16" fmla="*/ 0 h 4077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425471" h="4077704">
                <a:moveTo>
                  <a:pt x="3248540" y="0"/>
                </a:moveTo>
                <a:cubicBezTo>
                  <a:pt x="3248540" y="0"/>
                  <a:pt x="3248540" y="0"/>
                  <a:pt x="5301777" y="0"/>
                </a:cubicBezTo>
                <a:lnTo>
                  <a:pt x="5425471" y="0"/>
                </a:lnTo>
                <a:lnTo>
                  <a:pt x="5425471" y="2443670"/>
                </a:lnTo>
                <a:lnTo>
                  <a:pt x="5239839" y="2443670"/>
                </a:lnTo>
                <a:cubicBezTo>
                  <a:pt x="4815991" y="2443670"/>
                  <a:pt x="4294331" y="2443670"/>
                  <a:pt x="3652289" y="2443670"/>
                </a:cubicBezTo>
                <a:cubicBezTo>
                  <a:pt x="3523526" y="2443670"/>
                  <a:pt x="3399128" y="2495012"/>
                  <a:pt x="3307466" y="2586773"/>
                </a:cubicBezTo>
                <a:cubicBezTo>
                  <a:pt x="3307466" y="2586773"/>
                  <a:pt x="3307466" y="2586773"/>
                  <a:pt x="2582900" y="3312118"/>
                </a:cubicBezTo>
                <a:cubicBezTo>
                  <a:pt x="2491238" y="3403878"/>
                  <a:pt x="2439952" y="3527318"/>
                  <a:pt x="2439952" y="3657312"/>
                </a:cubicBezTo>
                <a:cubicBezTo>
                  <a:pt x="2439952" y="3657312"/>
                  <a:pt x="2439952" y="3657312"/>
                  <a:pt x="2439952" y="4008583"/>
                </a:cubicBezTo>
                <a:lnTo>
                  <a:pt x="2439952" y="4077704"/>
                </a:lnTo>
                <a:lnTo>
                  <a:pt x="0" y="4077704"/>
                </a:lnTo>
                <a:lnTo>
                  <a:pt x="0" y="4069415"/>
                </a:lnTo>
                <a:cubicBezTo>
                  <a:pt x="0" y="3952803"/>
                  <a:pt x="0" y="3719578"/>
                  <a:pt x="0" y="3253129"/>
                </a:cubicBezTo>
                <a:cubicBezTo>
                  <a:pt x="0" y="2734245"/>
                  <a:pt x="205148" y="2237209"/>
                  <a:pt x="571796" y="1871259"/>
                </a:cubicBezTo>
                <a:cubicBezTo>
                  <a:pt x="571796" y="1871259"/>
                  <a:pt x="571796" y="1871259"/>
                  <a:pt x="1868156" y="572411"/>
                </a:cubicBezTo>
                <a:cubicBezTo>
                  <a:pt x="2233712" y="206461"/>
                  <a:pt x="2731306" y="0"/>
                  <a:pt x="3248540" y="0"/>
                </a:cubicBezTo>
                <a:close/>
              </a:path>
            </a:pathLst>
          </a:custGeom>
          <a:solidFill>
            <a:srgbClr val="C9C3C0"/>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13" name="TextBox 12">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Picture 14">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35" name="Freeform 5">
            <a:extLst>
              <a:ext uri="{FF2B5EF4-FFF2-40B4-BE49-F238E27FC236}">
                <a16:creationId xmlns:a16="http://schemas.microsoft.com/office/drawing/2014/main" id="{93212C51-F0B0-4445-BAA3-2FA9772A3C23}"/>
              </a:ext>
            </a:extLst>
          </p:cNvPr>
          <p:cNvSpPr>
            <a:spLocks/>
          </p:cNvSpPr>
          <p:nvPr userDrawn="1"/>
        </p:nvSpPr>
        <p:spPr bwMode="auto">
          <a:xfrm>
            <a:off x="-9051"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6" name="Title 1">
            <a:extLst>
              <a:ext uri="{FF2B5EF4-FFF2-40B4-BE49-F238E27FC236}">
                <a16:creationId xmlns:a16="http://schemas.microsoft.com/office/drawing/2014/main" id="{01EE7E35-6192-4FF7-97C1-E9B681E5079E}"/>
              </a:ext>
            </a:extLst>
          </p:cNvPr>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rgbClr val="D7D8D6"/>
                </a:solidFill>
              </a:defRPr>
            </a:lvl1pPr>
          </a:lstStyle>
          <a:p>
            <a:r>
              <a:rPr lang="en-GB"/>
              <a:t>Click to insert title</a:t>
            </a:r>
          </a:p>
        </p:txBody>
      </p:sp>
      <p:sp>
        <p:nvSpPr>
          <p:cNvPr id="37" name="Text Placeholder 11">
            <a:extLst>
              <a:ext uri="{FF2B5EF4-FFF2-40B4-BE49-F238E27FC236}">
                <a16:creationId xmlns:a16="http://schemas.microsoft.com/office/drawing/2014/main" id="{029D6B2F-A4F8-46B1-85C1-1628F5F9136F}"/>
              </a:ext>
            </a:extLst>
          </p:cNvPr>
          <p:cNvSpPr>
            <a:spLocks noGrp="1"/>
          </p:cNvSpPr>
          <p:nvPr>
            <p:ph type="body" sz="quarter" idx="13" hasCustomPrompt="1"/>
          </p:nvPr>
        </p:nvSpPr>
        <p:spPr>
          <a:xfrm>
            <a:off x="1203928" y="2844800"/>
            <a:ext cx="5425471" cy="546100"/>
          </a:xfrm>
        </p:spPr>
        <p:txBody>
          <a:bodyPr/>
          <a:lstStyle>
            <a:lvl1pPr marL="0" indent="0">
              <a:buNone/>
              <a:defRPr>
                <a:solidFill>
                  <a:srgbClr val="D7D8D6"/>
                </a:solidFill>
              </a:defRPr>
            </a:lvl1pPr>
          </a:lstStyle>
          <a:p>
            <a:pPr lvl="0"/>
            <a:r>
              <a:rPr lang="en-GB"/>
              <a:t>Name</a:t>
            </a:r>
            <a:br>
              <a:rPr lang="en-GB"/>
            </a:br>
            <a:r>
              <a:rPr lang="en-GB"/>
              <a:t>Date</a:t>
            </a:r>
          </a:p>
        </p:txBody>
      </p:sp>
    </p:spTree>
    <p:extLst>
      <p:ext uri="{BB962C8B-B14F-4D97-AF65-F5344CB8AC3E}">
        <p14:creationId xmlns:p14="http://schemas.microsoft.com/office/powerpoint/2010/main" val="148571310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Frontpage H">
    <p:bg>
      <p:bgPr>
        <a:solidFill>
          <a:schemeClr val="bg1"/>
        </a:solidFill>
        <a:effectLst/>
      </p:bgPr>
    </p:bg>
    <p:spTree>
      <p:nvGrpSpPr>
        <p:cNvPr id="1" name=""/>
        <p:cNvGrpSpPr/>
        <p:nvPr/>
      </p:nvGrpSpPr>
      <p:grpSpPr>
        <a:xfrm>
          <a:off x="0" y="0"/>
          <a:ext cx="0" cy="0"/>
          <a:chOff x="0" y="0"/>
          <a:chExt cx="0" cy="0"/>
        </a:xfrm>
      </p:grpSpPr>
      <p:sp>
        <p:nvSpPr>
          <p:cNvPr id="32" name="Freeform: Shape 31">
            <a:extLst>
              <a:ext uri="{FF2B5EF4-FFF2-40B4-BE49-F238E27FC236}">
                <a16:creationId xmlns:a16="http://schemas.microsoft.com/office/drawing/2014/main" id="{3E79B79F-D8AD-413F-975F-2AFC70CF8882}"/>
              </a:ext>
            </a:extLst>
          </p:cNvPr>
          <p:cNvSpPr/>
          <p:nvPr userDrawn="1"/>
        </p:nvSpPr>
        <p:spPr>
          <a:xfrm>
            <a:off x="0" y="468"/>
            <a:ext cx="12192000" cy="6858000"/>
          </a:xfrm>
          <a:custGeom>
            <a:avLst/>
            <a:gdLst>
              <a:gd name="connsiteX0" fmla="*/ 8788577 w 12192000"/>
              <a:gd name="connsiteY0" fmla="*/ 0 h 6858000"/>
              <a:gd name="connsiteX1" fmla="*/ 12192000 w 12192000"/>
              <a:gd name="connsiteY1" fmla="*/ 0 h 6858000"/>
              <a:gd name="connsiteX2" fmla="*/ 12192000 w 12192000"/>
              <a:gd name="connsiteY2" fmla="*/ 5688881 h 6858000"/>
              <a:gd name="connsiteX3" fmla="*/ 12192000 w 12192000"/>
              <a:gd name="connsiteY3" fmla="*/ 6802274 h 6858000"/>
              <a:gd name="connsiteX4" fmla="*/ 12192000 w 12192000"/>
              <a:gd name="connsiteY4" fmla="*/ 6857062 h 6858000"/>
              <a:gd name="connsiteX5" fmla="*/ 12137540 w 12192000"/>
              <a:gd name="connsiteY5" fmla="*/ 6857062 h 6858000"/>
              <a:gd name="connsiteX6" fmla="*/ 12136591 w 12192000"/>
              <a:gd name="connsiteY6" fmla="*/ 6858000 h 6858000"/>
              <a:gd name="connsiteX7" fmla="*/ 0 w 12192000"/>
              <a:gd name="connsiteY7" fmla="*/ 6858000 h 6858000"/>
              <a:gd name="connsiteX8" fmla="*/ 0 w 12192000"/>
              <a:gd name="connsiteY8" fmla="*/ 5820888 h 6858000"/>
              <a:gd name="connsiteX9" fmla="*/ 27454 w 12192000"/>
              <a:gd name="connsiteY9" fmla="*/ 5806180 h 6858000"/>
              <a:gd name="connsiteX10" fmla="*/ 202031 w 12192000"/>
              <a:gd name="connsiteY10" fmla="*/ 5771375 h 6858000"/>
              <a:gd name="connsiteX11" fmla="*/ 6509649 w 12192000"/>
              <a:gd name="connsiteY11" fmla="*/ 5771375 h 6858000"/>
              <a:gd name="connsiteX12" fmla="*/ 7144123 w 12192000"/>
              <a:gd name="connsiteY12" fmla="*/ 5511138 h 6858000"/>
              <a:gd name="connsiteX13" fmla="*/ 8478070 w 12192000"/>
              <a:gd name="connsiteY13" fmla="*/ 4188265 h 6858000"/>
              <a:gd name="connsiteX14" fmla="*/ 8741145 w 12192000"/>
              <a:gd name="connsiteY14" fmla="*/ 3559358 h 6858000"/>
              <a:gd name="connsiteX15" fmla="*/ 8741145 w 12192000"/>
              <a:gd name="connsiteY15" fmla="*/ 188665 h 6858000"/>
              <a:gd name="connsiteX16" fmla="*/ 8765373 w 12192000"/>
              <a:gd name="connsiteY16" fmla="*/ 43008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192000" h="6858000">
                <a:moveTo>
                  <a:pt x="8788577" y="0"/>
                </a:moveTo>
                <a:lnTo>
                  <a:pt x="12192000" y="0"/>
                </a:lnTo>
                <a:lnTo>
                  <a:pt x="12192000" y="5688881"/>
                </a:lnTo>
                <a:lnTo>
                  <a:pt x="12192000" y="6802274"/>
                </a:lnTo>
                <a:lnTo>
                  <a:pt x="12192000" y="6857062"/>
                </a:lnTo>
                <a:lnTo>
                  <a:pt x="12137540" y="6857062"/>
                </a:lnTo>
                <a:lnTo>
                  <a:pt x="12136591" y="6858000"/>
                </a:lnTo>
                <a:lnTo>
                  <a:pt x="0" y="6858000"/>
                </a:lnTo>
                <a:lnTo>
                  <a:pt x="0" y="5820888"/>
                </a:lnTo>
                <a:lnTo>
                  <a:pt x="27454" y="5806180"/>
                </a:lnTo>
                <a:cubicBezTo>
                  <a:pt x="81133" y="5783768"/>
                  <a:pt x="140131" y="5771375"/>
                  <a:pt x="202031" y="5771375"/>
                </a:cubicBezTo>
                <a:cubicBezTo>
                  <a:pt x="202031" y="5771375"/>
                  <a:pt x="202031" y="5771375"/>
                  <a:pt x="6509649" y="5771375"/>
                </a:cubicBezTo>
                <a:cubicBezTo>
                  <a:pt x="6747964" y="5771375"/>
                  <a:pt x="6973899" y="5675335"/>
                  <a:pt x="7144123" y="5511138"/>
                </a:cubicBezTo>
                <a:cubicBezTo>
                  <a:pt x="7144123" y="5511138"/>
                  <a:pt x="7144123" y="5511138"/>
                  <a:pt x="8478070" y="4188265"/>
                </a:cubicBezTo>
                <a:cubicBezTo>
                  <a:pt x="8645200" y="4020969"/>
                  <a:pt x="8741145" y="3794811"/>
                  <a:pt x="8741145" y="3559358"/>
                </a:cubicBezTo>
                <a:cubicBezTo>
                  <a:pt x="8741145" y="3559358"/>
                  <a:pt x="8741145" y="3559358"/>
                  <a:pt x="8741145" y="188665"/>
                </a:cubicBezTo>
                <a:cubicBezTo>
                  <a:pt x="8741145" y="137547"/>
                  <a:pt x="8749656" y="88559"/>
                  <a:pt x="8765373" y="43008"/>
                </a:cubicBezTo>
                <a:close/>
              </a:path>
            </a:pathLst>
          </a:custGeom>
          <a:solidFill>
            <a:srgbClr val="C9C3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0" name="Freeform 9">
            <a:extLst>
              <a:ext uri="{FF2B5EF4-FFF2-40B4-BE49-F238E27FC236}">
                <a16:creationId xmlns:a16="http://schemas.microsoft.com/office/drawing/2014/main" id="{6F67F61B-4D70-4169-8945-2588FA7B36C9}"/>
              </a:ext>
            </a:extLst>
          </p:cNvPr>
          <p:cNvSpPr>
            <a:spLocks/>
          </p:cNvSpPr>
          <p:nvPr userDrawn="1"/>
        </p:nvSpPr>
        <p:spPr bwMode="auto">
          <a:xfrm>
            <a:off x="3038154" y="1060943"/>
            <a:ext cx="8334696" cy="5106494"/>
          </a:xfrm>
          <a:custGeom>
            <a:avLst/>
            <a:gdLst>
              <a:gd name="T0" fmla="*/ 7842 w 7842"/>
              <a:gd name="T1" fmla="*/ 2352 h 4800"/>
              <a:gd name="T2" fmla="*/ 7842 w 7842"/>
              <a:gd name="T3" fmla="*/ 261 h 4800"/>
              <a:gd name="T4" fmla="*/ 7580 w 7842"/>
              <a:gd name="T5" fmla="*/ 0 h 4800"/>
              <a:gd name="T6" fmla="*/ 3480 w 7842"/>
              <a:gd name="T7" fmla="*/ 0 h 4800"/>
              <a:gd name="T8" fmla="*/ 2002 w 7842"/>
              <a:gd name="T9" fmla="*/ 612 h 4800"/>
              <a:gd name="T10" fmla="*/ 613 w 7842"/>
              <a:gd name="T11" fmla="*/ 2001 h 4800"/>
              <a:gd name="T12" fmla="*/ 0 w 7842"/>
              <a:gd name="T13" fmla="*/ 3479 h 4800"/>
              <a:gd name="T14" fmla="*/ 0 w 7842"/>
              <a:gd name="T15" fmla="*/ 4800 h 4800"/>
              <a:gd name="T16" fmla="*/ 2614 w 7842"/>
              <a:gd name="T17" fmla="*/ 4800 h 4800"/>
              <a:gd name="T18" fmla="*/ 2614 w 7842"/>
              <a:gd name="T19" fmla="*/ 3912 h 4800"/>
              <a:gd name="T20" fmla="*/ 2767 w 7842"/>
              <a:gd name="T21" fmla="*/ 3542 h 4800"/>
              <a:gd name="T22" fmla="*/ 3543 w 7842"/>
              <a:gd name="T23" fmla="*/ 2766 h 4800"/>
              <a:gd name="T24" fmla="*/ 3913 w 7842"/>
              <a:gd name="T25" fmla="*/ 2613 h 4800"/>
              <a:gd name="T26" fmla="*/ 7580 w 7842"/>
              <a:gd name="T27" fmla="*/ 2613 h 4800"/>
              <a:gd name="T28" fmla="*/ 7842 w 7842"/>
              <a:gd name="T29" fmla="*/ 2352 h 4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842" h="4800">
                <a:moveTo>
                  <a:pt x="7842" y="2352"/>
                </a:moveTo>
                <a:cubicBezTo>
                  <a:pt x="7842" y="261"/>
                  <a:pt x="7842" y="261"/>
                  <a:pt x="7842" y="261"/>
                </a:cubicBezTo>
                <a:cubicBezTo>
                  <a:pt x="7842" y="117"/>
                  <a:pt x="7724" y="0"/>
                  <a:pt x="7580" y="0"/>
                </a:cubicBezTo>
                <a:cubicBezTo>
                  <a:pt x="3480" y="0"/>
                  <a:pt x="3480" y="0"/>
                  <a:pt x="3480" y="0"/>
                </a:cubicBezTo>
                <a:cubicBezTo>
                  <a:pt x="2926" y="0"/>
                  <a:pt x="2394" y="220"/>
                  <a:pt x="2002" y="612"/>
                </a:cubicBezTo>
                <a:cubicBezTo>
                  <a:pt x="613" y="2001"/>
                  <a:pt x="613" y="2001"/>
                  <a:pt x="613" y="2001"/>
                </a:cubicBezTo>
                <a:cubicBezTo>
                  <a:pt x="221" y="2393"/>
                  <a:pt x="0" y="2925"/>
                  <a:pt x="0" y="3479"/>
                </a:cubicBezTo>
                <a:cubicBezTo>
                  <a:pt x="0" y="4800"/>
                  <a:pt x="0" y="4800"/>
                  <a:pt x="0" y="4800"/>
                </a:cubicBezTo>
                <a:cubicBezTo>
                  <a:pt x="2614" y="4800"/>
                  <a:pt x="2614" y="4800"/>
                  <a:pt x="2614" y="4800"/>
                </a:cubicBezTo>
                <a:cubicBezTo>
                  <a:pt x="2614" y="3912"/>
                  <a:pt x="2614" y="3912"/>
                  <a:pt x="2614" y="3912"/>
                </a:cubicBezTo>
                <a:cubicBezTo>
                  <a:pt x="2614" y="3773"/>
                  <a:pt x="2669" y="3641"/>
                  <a:pt x="2767" y="3542"/>
                </a:cubicBezTo>
                <a:cubicBezTo>
                  <a:pt x="3543" y="2766"/>
                  <a:pt x="3543" y="2766"/>
                  <a:pt x="3543" y="2766"/>
                </a:cubicBezTo>
                <a:cubicBezTo>
                  <a:pt x="3641" y="2668"/>
                  <a:pt x="3774" y="2613"/>
                  <a:pt x="3913" y="2613"/>
                </a:cubicBezTo>
                <a:cubicBezTo>
                  <a:pt x="7580" y="2613"/>
                  <a:pt x="7580" y="2613"/>
                  <a:pt x="7580" y="2613"/>
                </a:cubicBezTo>
                <a:cubicBezTo>
                  <a:pt x="7724" y="2613"/>
                  <a:pt x="7842" y="2496"/>
                  <a:pt x="7842" y="2352"/>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Title 1"/>
          <p:cNvSpPr>
            <a:spLocks noGrp="1"/>
          </p:cNvSpPr>
          <p:nvPr>
            <p:ph type="ctrTitle" hasCustomPrompt="1"/>
          </p:nvPr>
        </p:nvSpPr>
        <p:spPr>
          <a:xfrm>
            <a:off x="6526384" y="1445034"/>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33" name="Straight Connector 32">
            <a:extLst>
              <a:ext uri="{FF2B5EF4-FFF2-40B4-BE49-F238E27FC236}">
                <a16:creationId xmlns:a16="http://schemas.microsoft.com/office/drawing/2014/main" id="{B1CA22D2-BB29-4058-A2A4-97CB160030FF}"/>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7F5C153B-A08F-4CD1-8902-B84BDA5C58BE}"/>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dirty="0"/>
          </a:p>
        </p:txBody>
      </p:sp>
      <p:sp>
        <p:nvSpPr>
          <p:cNvPr id="6" name="Slide Number Placeholder 5"/>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2" name="Text Placeholder 11">
            <a:extLst>
              <a:ext uri="{FF2B5EF4-FFF2-40B4-BE49-F238E27FC236}">
                <a16:creationId xmlns:a16="http://schemas.microsoft.com/office/drawing/2014/main" id="{1BF282C4-F8D1-6C4B-A4BD-25ED20733353}"/>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01690087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rontpage I">
    <p:bg>
      <p:bgPr>
        <a:solidFill>
          <a:srgbClr val="D7D8D6"/>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rgbClr val="71004B"/>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93815"/>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solidFill>
                <a:schemeClr val="tx2"/>
              </a:solidFill>
            </a:endParaRPr>
          </a:p>
        </p:txBody>
      </p:sp>
      <p:sp>
        <p:nvSpPr>
          <p:cNvPr id="4" name="Date_GeneralDate" hidden="1"/>
          <p:cNvSpPr>
            <a:spLocks noGrp="1"/>
          </p:cNvSpPr>
          <p:nvPr>
            <p:ph type="dt" sz="half" idx="10"/>
          </p:nvPr>
        </p:nvSpPr>
        <p:spPr/>
        <p:txBody>
          <a:bodyPr/>
          <a:lstStyle/>
          <a:p>
            <a:endParaRPr lang="en-GB" dirty="0"/>
          </a:p>
        </p:txBody>
      </p:sp>
      <p:sp>
        <p:nvSpPr>
          <p:cNvPr id="3" name="Rectangle 2">
            <a:extLst>
              <a:ext uri="{FF2B5EF4-FFF2-40B4-BE49-F238E27FC236}">
                <a16:creationId xmlns:a16="http://schemas.microsoft.com/office/drawing/2014/main" id="{B877642C-F448-41EA-BE15-8F83818C4A27}"/>
              </a:ext>
            </a:extLst>
          </p:cNvPr>
          <p:cNvSpPr/>
          <p:nvPr userDrawn="1"/>
        </p:nvSpPr>
        <p:spPr>
          <a:xfrm>
            <a:off x="450850" y="292100"/>
            <a:ext cx="11306175" cy="279400"/>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cxnSp>
        <p:nvCxnSpPr>
          <p:cNvPr id="12" name="Straight Connector 11">
            <a:extLst>
              <a:ext uri="{FF2B5EF4-FFF2-40B4-BE49-F238E27FC236}">
                <a16:creationId xmlns:a16="http://schemas.microsoft.com/office/drawing/2014/main" id="{99531B15-CF89-4A75-9B14-08DB21BA5EB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13" name="Slide Number Placeholder 5">
            <a:extLst>
              <a:ext uri="{FF2B5EF4-FFF2-40B4-BE49-F238E27FC236}">
                <a16:creationId xmlns:a16="http://schemas.microsoft.com/office/drawing/2014/main" id="{5A117562-D489-D445-B037-C8F543F72482}"/>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4" name="Text Placeholder 11">
            <a:extLst>
              <a:ext uri="{FF2B5EF4-FFF2-40B4-BE49-F238E27FC236}">
                <a16:creationId xmlns:a16="http://schemas.microsoft.com/office/drawing/2014/main" id="{B7E719C1-C9D1-F240-9C8E-824E5BB9C50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8256618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1.jpe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3" name="Picture 12" hidden="1">
            <a:extLst>
              <a:ext uri="{FF2B5EF4-FFF2-40B4-BE49-F238E27FC236}">
                <a16:creationId xmlns:a16="http://schemas.microsoft.com/office/drawing/2014/main" id="{B3D52F3C-DB3A-4681-9C56-17F2FE589591}"/>
              </a:ext>
            </a:extLst>
          </p:cNvPr>
          <p:cNvPicPr>
            <a:picLocks noChangeAspect="1"/>
          </p:cNvPicPr>
          <p:nvPr userDrawn="1"/>
        </p:nvPicPr>
        <p:blipFill rotWithShape="1">
          <a:blip r:embed="rId33">
            <a:extLst>
              <a:ext uri="{28A0092B-C50C-407E-A947-70E740481C1C}">
                <a14:useLocalDpi xmlns:a14="http://schemas.microsoft.com/office/drawing/2010/main" val="0"/>
              </a:ext>
            </a:extLst>
          </a:blip>
          <a:srcRect l="52199" t="56500" r="5622" b="10166"/>
          <a:stretch/>
        </p:blipFill>
        <p:spPr>
          <a:xfrm>
            <a:off x="0" y="0"/>
            <a:ext cx="12275820" cy="6858000"/>
          </a:xfrm>
          <a:prstGeom prst="rect">
            <a:avLst/>
          </a:prstGeom>
        </p:spPr>
      </p:pic>
      <p:sp>
        <p:nvSpPr>
          <p:cNvPr id="3" name="Text Placeholder 2"/>
          <p:cNvSpPr>
            <a:spLocks noGrp="1"/>
          </p:cNvSpPr>
          <p:nvPr>
            <p:ph type="body" idx="1"/>
          </p:nvPr>
        </p:nvSpPr>
        <p:spPr>
          <a:xfrm>
            <a:off x="1040129" y="1806575"/>
            <a:ext cx="10123171" cy="3817938"/>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hidden="1"/>
          <p:cNvSpPr>
            <a:spLocks noGrp="1"/>
          </p:cNvSpPr>
          <p:nvPr>
            <p:ph type="ftr" sz="quarter" idx="3"/>
          </p:nvPr>
        </p:nvSpPr>
        <p:spPr>
          <a:xfrm>
            <a:off x="454695" y="6244612"/>
            <a:ext cx="5112000" cy="180000"/>
          </a:xfrm>
          <a:prstGeom prst="rect">
            <a:avLst/>
          </a:prstGeom>
        </p:spPr>
        <p:txBody>
          <a:bodyPr vert="horz" lIns="0" tIns="0" rIns="0" bIns="0" rtlCol="0" anchor="b" anchorCtr="0"/>
          <a:lstStyle>
            <a:lvl1pPr algn="l">
              <a:defRPr sz="1200" b="1">
                <a:solidFill>
                  <a:schemeClr val="accent2"/>
                </a:solidFill>
              </a:defRPr>
            </a:lvl1pPr>
          </a:lstStyle>
          <a:p>
            <a:endParaRPr lang="en-GB" dirty="0"/>
          </a:p>
        </p:txBody>
      </p:sp>
      <p:sp>
        <p:nvSpPr>
          <p:cNvPr id="4" name="Date_GeneralDate" hidden="1"/>
          <p:cNvSpPr>
            <a:spLocks noGrp="1"/>
          </p:cNvSpPr>
          <p:nvPr>
            <p:ph type="dt" sz="half" idx="2"/>
          </p:nvPr>
        </p:nvSpPr>
        <p:spPr>
          <a:xfrm>
            <a:off x="0" y="6868800"/>
            <a:ext cx="0" cy="0"/>
          </a:xfrm>
          <a:prstGeom prst="rect">
            <a:avLst/>
          </a:prstGeom>
        </p:spPr>
        <p:txBody>
          <a:bodyPr vert="horz" lIns="0" tIns="0" rIns="0" bIns="0" rtlCol="0" anchor="b" anchorCtr="0"/>
          <a:lstStyle>
            <a:lvl1pPr algn="l">
              <a:defRPr sz="1200" b="1">
                <a:noFill/>
              </a:defRPr>
            </a:lvl1pPr>
          </a:lstStyle>
          <a:p>
            <a:endParaRPr lang="en-GB" dirty="0"/>
          </a:p>
        </p:txBody>
      </p:sp>
      <p:cxnSp>
        <p:nvCxnSpPr>
          <p:cNvPr id="19" name="Straight Connector 18">
            <a:extLst>
              <a:ext uri="{FF2B5EF4-FFF2-40B4-BE49-F238E27FC236}">
                <a16:creationId xmlns:a16="http://schemas.microsoft.com/office/drawing/2014/main" id="{D3586A27-9D6D-4111-A77F-F5C4F7291D14}"/>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B06CC2C-B5BF-4A7B-A33C-282336EDE07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77F0F4C8-D9E3-47C4-9531-ABFAA5436AA7}"/>
              </a:ext>
            </a:extLst>
          </p:cNvPr>
          <p:cNvCxnSpPr>
            <a:cxnSpLocks/>
          </p:cNvCxnSpPr>
          <p:nvPr userDrawn="1"/>
        </p:nvCxnSpPr>
        <p:spPr>
          <a:xfrm>
            <a:off x="450850" y="439442"/>
            <a:ext cx="113061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2" name="Slide Number Placeholder 1">
            <a:extLst>
              <a:ext uri="{FF2B5EF4-FFF2-40B4-BE49-F238E27FC236}">
                <a16:creationId xmlns:a16="http://schemas.microsoft.com/office/drawing/2014/main" id="{281C87D3-20A2-442F-9D1F-CE7084C2B470}"/>
              </a:ext>
            </a:extLst>
          </p:cNvPr>
          <p:cNvSpPr>
            <a:spLocks noGrp="1"/>
          </p:cNvSpPr>
          <p:nvPr>
            <p:ph type="sldNum" sz="quarter" idx="4"/>
          </p:nvPr>
        </p:nvSpPr>
        <p:spPr>
          <a:xfrm>
            <a:off x="11171237" y="6235881"/>
            <a:ext cx="585788" cy="256994"/>
          </a:xfrm>
          <a:prstGeom prst="rect">
            <a:avLst/>
          </a:prstGeom>
        </p:spPr>
        <p:txBody>
          <a:bodyPr vert="horz" lIns="0" tIns="0" rIns="0" bIns="0" rtlCol="0" anchor="ctr"/>
          <a:lstStyle>
            <a:lvl1pPr algn="r">
              <a:defRPr sz="1400" b="1">
                <a:solidFill>
                  <a:srgbClr val="5F6369"/>
                </a:solidFill>
              </a:defRPr>
            </a:lvl1pPr>
          </a:lstStyle>
          <a:p>
            <a:fld id="{E016C3E1-03F3-47ED-AD58-97A32576C1BC}" type="slidenum">
              <a:rPr lang="en-GB" smtClean="0"/>
              <a:pPr/>
              <a:t>‹#›</a:t>
            </a:fld>
            <a:endParaRPr lang="en-GB" dirty="0"/>
          </a:p>
        </p:txBody>
      </p:sp>
      <p:sp>
        <p:nvSpPr>
          <p:cNvPr id="6" name="Title Placeholder 5">
            <a:extLst>
              <a:ext uri="{FF2B5EF4-FFF2-40B4-BE49-F238E27FC236}">
                <a16:creationId xmlns:a16="http://schemas.microsoft.com/office/drawing/2014/main" id="{6624D9F8-02DF-FB46-B584-494676D3975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6" r:id="rId1"/>
    <p:sldLayoutId id="2147483774" r:id="rId2"/>
    <p:sldLayoutId id="2147483777" r:id="rId3"/>
    <p:sldLayoutId id="2147483778" r:id="rId4"/>
    <p:sldLayoutId id="2147483773" r:id="rId5"/>
    <p:sldLayoutId id="2147483772" r:id="rId6"/>
    <p:sldLayoutId id="2147483730" r:id="rId7"/>
    <p:sldLayoutId id="2147483771" r:id="rId8"/>
    <p:sldLayoutId id="2147483770" r:id="rId9"/>
    <p:sldLayoutId id="2147483769" r:id="rId10"/>
    <p:sldLayoutId id="2147483768" r:id="rId11"/>
    <p:sldLayoutId id="2147483767" r:id="rId12"/>
    <p:sldLayoutId id="2147483729" r:id="rId13"/>
    <p:sldLayoutId id="2147483766" r:id="rId14"/>
    <p:sldLayoutId id="2147483765" r:id="rId15"/>
    <p:sldLayoutId id="2147483764" r:id="rId16"/>
    <p:sldLayoutId id="2147483763" r:id="rId17"/>
    <p:sldLayoutId id="2147483762" r:id="rId18"/>
    <p:sldLayoutId id="2147483754" r:id="rId19"/>
    <p:sldLayoutId id="2147483756" r:id="rId20"/>
    <p:sldLayoutId id="2147483761" r:id="rId21"/>
    <p:sldLayoutId id="2147483760" r:id="rId22"/>
    <p:sldLayoutId id="2147483759" r:id="rId23"/>
    <p:sldLayoutId id="2147483734" r:id="rId24"/>
    <p:sldLayoutId id="2147483752" r:id="rId25"/>
    <p:sldLayoutId id="2147483753" r:id="rId26"/>
    <p:sldLayoutId id="2147483755" r:id="rId27"/>
    <p:sldLayoutId id="2147483757" r:id="rId28"/>
    <p:sldLayoutId id="2147483758" r:id="rId29"/>
    <p:sldLayoutId id="2147483732" r:id="rId30"/>
    <p:sldLayoutId id="2147483751" r:id="rId31"/>
  </p:sldLayoutIdLst>
  <p:hf hdr="0" ftr="0" dt="0"/>
  <p:txStyles>
    <p:title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p:titleStyle>
    <p:body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653" userDrawn="1">
          <p15:clr>
            <a:srgbClr val="F26B43"/>
          </p15:clr>
        </p15:guide>
        <p15:guide id="3" orient="horz" pos="719" userDrawn="1">
          <p15:clr>
            <a:srgbClr val="F26B43"/>
          </p15:clr>
        </p15:guide>
        <p15:guide id="4" pos="7401" userDrawn="1">
          <p15:clr>
            <a:srgbClr val="F26B43"/>
          </p15:clr>
        </p15:guide>
        <p15:guide id="5" orient="horz" pos="3934" userDrawn="1">
          <p15:clr>
            <a:srgbClr val="F26B43"/>
          </p15:clr>
        </p15:guide>
        <p15:guide id="6" orient="horz" pos="1138" userDrawn="1">
          <p15:clr>
            <a:srgbClr val="F26B43"/>
          </p15:clr>
        </p15:guide>
        <p15:guide id="7" pos="284" userDrawn="1">
          <p15:clr>
            <a:srgbClr val="F26B43"/>
          </p15:clr>
        </p15:guide>
        <p15:guide id="8" pos="7032" userDrawn="1">
          <p15:clr>
            <a:srgbClr val="F26B43"/>
          </p15:clr>
        </p15:guide>
        <p15:guide id="9" orient="horz" pos="3536"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7.png"/><Relationship Id="rId3" Type="http://schemas.microsoft.com/office/2007/relationships/media" Target="../media/media1.m4a"/><Relationship Id="rId7" Type="http://schemas.openxmlformats.org/officeDocument/2006/relationships/image" Target="../media/image6.png"/><Relationship Id="rId2" Type="http://schemas.openxmlformats.org/officeDocument/2006/relationships/audio" Target="NULL" TargetMode="External"/><Relationship Id="rId1" Type="http://schemas.openxmlformats.org/officeDocument/2006/relationships/tags" Target="../tags/tag1.xml"/><Relationship Id="rId6" Type="http://schemas.openxmlformats.org/officeDocument/2006/relationships/image" Target="../media/image5.jpeg"/><Relationship Id="rId11" Type="http://schemas.openxmlformats.org/officeDocument/2006/relationships/image" Target="../media/image10.png"/><Relationship Id="rId5" Type="http://schemas.openxmlformats.org/officeDocument/2006/relationships/notesSlide" Target="../notesSlides/notesSlide1.xml"/><Relationship Id="rId10" Type="http://schemas.openxmlformats.org/officeDocument/2006/relationships/image" Target="../media/image9.tiff"/><Relationship Id="rId4" Type="http://schemas.openxmlformats.org/officeDocument/2006/relationships/slideLayout" Target="../slideLayouts/slideLayout2.xml"/><Relationship Id="rId9" Type="http://schemas.openxmlformats.org/officeDocument/2006/relationships/image" Target="../media/image8.jpg"/></Relationships>
</file>

<file path=ppt/slides/_rels/slide2.xml.rels><?xml version="1.0" encoding="UTF-8" standalone="yes"?>
<Relationships xmlns="http://schemas.openxmlformats.org/package/2006/relationships"><Relationship Id="rId8" Type="http://schemas.openxmlformats.org/officeDocument/2006/relationships/image" Target="../media/image10.png"/><Relationship Id="rId3" Type="http://schemas.microsoft.com/office/2007/relationships/media" Target="../media/media2.m4a"/><Relationship Id="rId7" Type="http://schemas.openxmlformats.org/officeDocument/2006/relationships/image" Target="../media/image12.png"/><Relationship Id="rId2" Type="http://schemas.openxmlformats.org/officeDocument/2006/relationships/audio" Target="NULL" TargetMode="External"/><Relationship Id="rId1" Type="http://schemas.openxmlformats.org/officeDocument/2006/relationships/tags" Target="../tags/tag2.xml"/><Relationship Id="rId6" Type="http://schemas.openxmlformats.org/officeDocument/2006/relationships/image" Target="../media/image11.png"/><Relationship Id="rId5" Type="http://schemas.openxmlformats.org/officeDocument/2006/relationships/notesSlide" Target="../notesSlides/notesSlide2.xml"/><Relationship Id="rId4" Type="http://schemas.openxmlformats.org/officeDocument/2006/relationships/slideLayout" Target="../slideLayouts/slideLayout22.xml"/></Relationships>
</file>

<file path=ppt/slides/_rels/slide3.xml.rels><?xml version="1.0" encoding="UTF-8" standalone="yes"?>
<Relationships xmlns="http://schemas.openxmlformats.org/package/2006/relationships"><Relationship Id="rId8" Type="http://schemas.openxmlformats.org/officeDocument/2006/relationships/image" Target="../media/image14.png"/><Relationship Id="rId3" Type="http://schemas.microsoft.com/office/2007/relationships/media" Target="../media/media3.m4a"/><Relationship Id="rId7" Type="http://schemas.openxmlformats.org/officeDocument/2006/relationships/image" Target="../media/image13.png"/><Relationship Id="rId2" Type="http://schemas.openxmlformats.org/officeDocument/2006/relationships/audio" Target="NULL" TargetMode="External"/><Relationship Id="rId1" Type="http://schemas.openxmlformats.org/officeDocument/2006/relationships/tags" Target="../tags/tag3.xml"/><Relationship Id="rId6" Type="http://schemas.openxmlformats.org/officeDocument/2006/relationships/image" Target="../media/image11.png"/><Relationship Id="rId5" Type="http://schemas.openxmlformats.org/officeDocument/2006/relationships/notesSlide" Target="../notesSlides/notesSlide3.xml"/><Relationship Id="rId10" Type="http://schemas.openxmlformats.org/officeDocument/2006/relationships/image" Target="../media/image10.png"/><Relationship Id="rId4" Type="http://schemas.openxmlformats.org/officeDocument/2006/relationships/slideLayout" Target="../slideLayouts/slideLayout18.xml"/><Relationship Id="rId9" Type="http://schemas.openxmlformats.org/officeDocument/2006/relationships/image" Target="../media/image15.png"/></Relationships>
</file>

<file path=ppt/slides/_rels/slide4.xml.rels><?xml version="1.0" encoding="UTF-8" standalone="yes"?>
<Relationships xmlns="http://schemas.openxmlformats.org/package/2006/relationships"><Relationship Id="rId8" Type="http://schemas.openxmlformats.org/officeDocument/2006/relationships/image" Target="../media/image11.png"/><Relationship Id="rId3" Type="http://schemas.microsoft.com/office/2007/relationships/media" Target="../media/media4.m4a"/><Relationship Id="rId7" Type="http://schemas.openxmlformats.org/officeDocument/2006/relationships/image" Target="../media/image17.png"/><Relationship Id="rId2" Type="http://schemas.openxmlformats.org/officeDocument/2006/relationships/audio" Target="NULL" TargetMode="External"/><Relationship Id="rId1" Type="http://schemas.openxmlformats.org/officeDocument/2006/relationships/tags" Target="../tags/tag4.xml"/><Relationship Id="rId6" Type="http://schemas.openxmlformats.org/officeDocument/2006/relationships/image" Target="../media/image16.png"/><Relationship Id="rId5" Type="http://schemas.openxmlformats.org/officeDocument/2006/relationships/notesSlide" Target="../notesSlides/notesSlide4.xml"/><Relationship Id="rId4" Type="http://schemas.openxmlformats.org/officeDocument/2006/relationships/slideLayout" Target="../slideLayouts/slideLayout18.xml"/><Relationship Id="rId9" Type="http://schemas.openxmlformats.org/officeDocument/2006/relationships/image" Target="../media/image10.png"/></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22.xml"/><Relationship Id="rId7" Type="http://schemas.openxmlformats.org/officeDocument/2006/relationships/image" Target="../media/image10.png"/><Relationship Id="rId2" Type="http://schemas.microsoft.com/office/2007/relationships/media" Target="../media/media5.m4a"/><Relationship Id="rId1" Type="http://schemas.openxmlformats.org/officeDocument/2006/relationships/audio" Target="NULL" TargetMode="Externa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notesSlide" Target="../notesSlides/notesSlide5.xml"/></Relationships>
</file>

<file path=ppt/slides/_rels/slide6.xml.rels><?xml version="1.0" encoding="UTF-8" standalone="yes"?>
<Relationships xmlns="http://schemas.openxmlformats.org/package/2006/relationships"><Relationship Id="rId3" Type="http://schemas.microsoft.com/office/2007/relationships/media" Target="../media/media6.m4a"/><Relationship Id="rId7" Type="http://schemas.openxmlformats.org/officeDocument/2006/relationships/image" Target="../media/image10.png"/><Relationship Id="rId2" Type="http://schemas.openxmlformats.org/officeDocument/2006/relationships/audio" Target="NULL" TargetMode="External"/><Relationship Id="rId1" Type="http://schemas.openxmlformats.org/officeDocument/2006/relationships/tags" Target="../tags/tag5.xml"/><Relationship Id="rId6" Type="http://schemas.openxmlformats.org/officeDocument/2006/relationships/image" Target="../media/image20.png"/><Relationship Id="rId5" Type="http://schemas.openxmlformats.org/officeDocument/2006/relationships/notesSlide" Target="../notesSlides/notesSlide6.xml"/><Relationship Id="rId4" Type="http://schemas.openxmlformats.org/officeDocument/2006/relationships/slideLayout" Target="../slideLayouts/slideLayout19.xml"/></Relationships>
</file>

<file path=ppt/slides/_rels/slide7.xml.rels><?xml version="1.0" encoding="UTF-8" standalone="yes"?>
<Relationships xmlns="http://schemas.openxmlformats.org/package/2006/relationships"><Relationship Id="rId8" Type="http://schemas.openxmlformats.org/officeDocument/2006/relationships/image" Target="../media/image22.jpeg"/><Relationship Id="rId3" Type="http://schemas.openxmlformats.org/officeDocument/2006/relationships/audio" Target="../media/media7.m4a"/><Relationship Id="rId7" Type="http://schemas.openxmlformats.org/officeDocument/2006/relationships/image" Target="../media/image21.jpeg"/><Relationship Id="rId2" Type="http://schemas.microsoft.com/office/2007/relationships/media" Target="../media/media7.m4a"/><Relationship Id="rId1" Type="http://schemas.openxmlformats.org/officeDocument/2006/relationships/tags" Target="../tags/tag6.xml"/><Relationship Id="rId6" Type="http://schemas.openxmlformats.org/officeDocument/2006/relationships/image" Target="../media/image11.png"/><Relationship Id="rId5" Type="http://schemas.openxmlformats.org/officeDocument/2006/relationships/notesSlide" Target="../notesSlides/notesSlide7.xml"/><Relationship Id="rId4" Type="http://schemas.openxmlformats.org/officeDocument/2006/relationships/slideLayout" Target="../slideLayouts/slideLayout22.xml"/><Relationship Id="rId9" Type="http://schemas.openxmlformats.org/officeDocument/2006/relationships/image" Target="../media/image1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Placeholder 10">
            <a:extLst>
              <a:ext uri="{FF2B5EF4-FFF2-40B4-BE49-F238E27FC236}">
                <a16:creationId xmlns:a16="http://schemas.microsoft.com/office/drawing/2014/main" id="{B2BE17AC-7F20-43DC-8B3F-A03D6660ABEC}"/>
              </a:ext>
            </a:extLst>
          </p:cNvPr>
          <p:cNvPicPr>
            <a:picLocks noGrp="1" noChangeAspect="1"/>
          </p:cNvPicPr>
          <p:nvPr>
            <p:ph type="pic" sz="quarter" idx="14"/>
          </p:nvPr>
        </p:nvPicPr>
        <p:blipFill>
          <a:blip r:embed="rId6" cstate="hqprint">
            <a:extLst>
              <a:ext uri="{28A0092B-C50C-407E-A947-70E740481C1C}">
                <a14:useLocalDpi xmlns:a14="http://schemas.microsoft.com/office/drawing/2010/main" val="0"/>
              </a:ext>
            </a:extLst>
          </a:blip>
          <a:srcRect/>
          <a:stretch/>
        </p:blipFill>
        <p:spPr>
          <a:xfrm>
            <a:off x="6766530" y="1263457"/>
            <a:ext cx="5425470" cy="3610678"/>
          </a:xfrm>
        </p:spPr>
      </p:pic>
      <p:sp>
        <p:nvSpPr>
          <p:cNvPr id="2" name="Title 1">
            <a:extLst>
              <a:ext uri="{FF2B5EF4-FFF2-40B4-BE49-F238E27FC236}">
                <a16:creationId xmlns:a16="http://schemas.microsoft.com/office/drawing/2014/main" id="{54B8B60A-EAC8-4B82-BD24-BAC174A1B932}"/>
              </a:ext>
            </a:extLst>
          </p:cNvPr>
          <p:cNvSpPr>
            <a:spLocks noGrp="1"/>
          </p:cNvSpPr>
          <p:nvPr>
            <p:ph type="ctrTitle"/>
          </p:nvPr>
        </p:nvSpPr>
        <p:spPr/>
        <p:txBody>
          <a:bodyPr>
            <a:normAutofit/>
          </a:bodyPr>
          <a:lstStyle/>
          <a:p>
            <a:r>
              <a:rPr lang="en-GB" dirty="0">
                <a:solidFill>
                  <a:srgbClr val="71004B"/>
                </a:solidFill>
              </a:rPr>
              <a:t>Emu Beach</a:t>
            </a:r>
          </a:p>
        </p:txBody>
      </p:sp>
      <p:sp>
        <p:nvSpPr>
          <p:cNvPr id="8" name="Slide Number Placeholder 7">
            <a:extLst>
              <a:ext uri="{FF2B5EF4-FFF2-40B4-BE49-F238E27FC236}">
                <a16:creationId xmlns:a16="http://schemas.microsoft.com/office/drawing/2014/main" id="{04987227-414F-4B89-8B84-9B03FD3C75AB}"/>
              </a:ext>
            </a:extLst>
          </p:cNvPr>
          <p:cNvSpPr>
            <a:spLocks noGrp="1"/>
          </p:cNvSpPr>
          <p:nvPr>
            <p:ph type="sldNum" sz="quarter" idx="12"/>
          </p:nvPr>
        </p:nvSpPr>
        <p:spPr/>
        <p:txBody>
          <a:bodyPr/>
          <a:lstStyle/>
          <a:p>
            <a:fld id="{24C8C45C-947F-4981-8B3F-4F32E973C901}" type="slidenum">
              <a:rPr lang="en-GB" smtClean="0"/>
              <a:pPr/>
              <a:t>1</a:t>
            </a:fld>
            <a:endParaRPr lang="en-GB" dirty="0"/>
          </a:p>
        </p:txBody>
      </p:sp>
      <p:pic>
        <p:nvPicPr>
          <p:cNvPr id="6" name="Picture 7">
            <a:extLst>
              <a:ext uri="{FF2B5EF4-FFF2-40B4-BE49-F238E27FC236}">
                <a16:creationId xmlns:a16="http://schemas.microsoft.com/office/drawing/2014/main" id="{6BED426B-4B3C-4789-A422-AA7E612E89A7}"/>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8411902" y="5988707"/>
            <a:ext cx="1694463" cy="6928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6">
            <a:extLst>
              <a:ext uri="{FF2B5EF4-FFF2-40B4-BE49-F238E27FC236}">
                <a16:creationId xmlns:a16="http://schemas.microsoft.com/office/drawing/2014/main" id="{003B2848-D121-49FD-8A17-74B0C7CB2225}"/>
              </a:ext>
            </a:extLst>
          </p:cNvPr>
          <p:cNvPicPr>
            <a:picLocks noChangeAspect="1"/>
          </p:cNvPicPr>
          <p:nvPr/>
        </p:nvPicPr>
        <p:blipFill>
          <a:blip r:embed="rId8"/>
          <a:stretch>
            <a:fillRect/>
          </a:stretch>
        </p:blipFill>
        <p:spPr>
          <a:xfrm>
            <a:off x="5686424" y="6064876"/>
            <a:ext cx="2304983" cy="616641"/>
          </a:xfrm>
          <a:prstGeom prst="rect">
            <a:avLst/>
          </a:prstGeom>
        </p:spPr>
      </p:pic>
      <p:sp>
        <p:nvSpPr>
          <p:cNvPr id="9" name="TextBox 8">
            <a:extLst>
              <a:ext uri="{FF2B5EF4-FFF2-40B4-BE49-F238E27FC236}">
                <a16:creationId xmlns:a16="http://schemas.microsoft.com/office/drawing/2014/main" id="{A0DBBC8C-A48C-439B-A919-9258048069CA}"/>
              </a:ext>
            </a:extLst>
          </p:cNvPr>
          <p:cNvSpPr txBox="1"/>
          <p:nvPr/>
        </p:nvSpPr>
        <p:spPr>
          <a:xfrm>
            <a:off x="1271087" y="2705101"/>
            <a:ext cx="5425471" cy="215444"/>
          </a:xfrm>
          <a:prstGeom prst="rect">
            <a:avLst/>
          </a:prstGeom>
          <a:noFill/>
        </p:spPr>
        <p:txBody>
          <a:bodyPr wrap="square" lIns="0" tIns="0" rIns="0" bIns="0" rtlCol="0">
            <a:spAutoFit/>
          </a:bodyPr>
          <a:lstStyle/>
          <a:p>
            <a:pPr algn="l"/>
            <a:r>
              <a:rPr lang="en-US" sz="1400" b="1" dirty="0">
                <a:solidFill>
                  <a:srgbClr val="5F6369"/>
                </a:solidFill>
              </a:rPr>
              <a:t>Foreshore Management Plan</a:t>
            </a:r>
            <a:endParaRPr lang="en-AU" sz="1400" b="1" dirty="0">
              <a:solidFill>
                <a:srgbClr val="5F6369"/>
              </a:solidFill>
            </a:endParaRPr>
          </a:p>
        </p:txBody>
      </p:sp>
      <p:sp>
        <p:nvSpPr>
          <p:cNvPr id="10" name="Text Placeholder 2">
            <a:extLst>
              <a:ext uri="{FF2B5EF4-FFF2-40B4-BE49-F238E27FC236}">
                <a16:creationId xmlns:a16="http://schemas.microsoft.com/office/drawing/2014/main" id="{7A1F18F9-60A6-4D3E-93A4-298740A23307}"/>
              </a:ext>
            </a:extLst>
          </p:cNvPr>
          <p:cNvSpPr txBox="1">
            <a:spLocks/>
          </p:cNvSpPr>
          <p:nvPr/>
        </p:nvSpPr>
        <p:spPr>
          <a:xfrm>
            <a:off x="1283935" y="3086100"/>
            <a:ext cx="5345463" cy="558344"/>
          </a:xfrm>
          <a:prstGeom prst="rect">
            <a:avLst/>
          </a:prstGeom>
        </p:spPr>
        <p:txBody>
          <a:bodyPr vert="horz" lIns="0" tIns="0" rIns="0" bIns="0" rtlCol="0">
            <a:noAutofit/>
          </a:bodyPr>
          <a:lstStyle>
            <a:lvl1pPr marL="0" indent="0" algn="l" defTabSz="914400" rtl="0" eaLnBrk="1" latinLnBrk="0" hangingPunct="1">
              <a:lnSpc>
                <a:spcPct val="95000"/>
              </a:lnSpc>
              <a:spcBef>
                <a:spcPts val="0"/>
              </a:spcBef>
              <a:spcAft>
                <a:spcPts val="600"/>
              </a:spcAft>
              <a:buFont typeface="Arial" panose="020B0604020202020204" pitchFamily="34" charset="0"/>
              <a:buNone/>
              <a:defRPr sz="1400" kern="1200">
                <a:solidFill>
                  <a:schemeClr val="tx2"/>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GB" dirty="0"/>
              <a:t>Prepared for City of Albany Project Control Group and Steering Committee</a:t>
            </a:r>
          </a:p>
          <a:p>
            <a:r>
              <a:rPr lang="en-GB" dirty="0"/>
              <a:t>May 2021</a:t>
            </a:r>
          </a:p>
        </p:txBody>
      </p:sp>
      <p:pic>
        <p:nvPicPr>
          <p:cNvPr id="4" name="Picture 3" descr="A picture containing drawing&#10;&#10;Description automatically generated">
            <a:extLst>
              <a:ext uri="{FF2B5EF4-FFF2-40B4-BE49-F238E27FC236}">
                <a16:creationId xmlns:a16="http://schemas.microsoft.com/office/drawing/2014/main" id="{9CE77CF7-AF90-4777-9676-5E1EDB4B0860}"/>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1765740" y="5503595"/>
            <a:ext cx="1363610" cy="1363610"/>
          </a:xfrm>
          <a:prstGeom prst="rect">
            <a:avLst/>
          </a:prstGeom>
        </p:spPr>
      </p:pic>
      <p:pic>
        <p:nvPicPr>
          <p:cNvPr id="15" name="Picture 14" descr="A close up of a sign&#10;&#10;Description automatically generated">
            <a:extLst>
              <a:ext uri="{FF2B5EF4-FFF2-40B4-BE49-F238E27FC236}">
                <a16:creationId xmlns:a16="http://schemas.microsoft.com/office/drawing/2014/main" id="{28293329-EC82-4EE0-9F26-A7D8C6711879}"/>
              </a:ext>
            </a:extLst>
          </p:cNvPr>
          <p:cNvPicPr>
            <a:picLocks noChangeAspect="1"/>
          </p:cNvPicPr>
          <p:nvPr/>
        </p:nvPicPr>
        <p:blipFill>
          <a:blip r:embed="rId10" cstate="hqprint">
            <a:extLst>
              <a:ext uri="{28A0092B-C50C-407E-A947-70E740481C1C}">
                <a14:useLocalDpi xmlns:a14="http://schemas.microsoft.com/office/drawing/2010/main" val="0"/>
              </a:ext>
            </a:extLst>
          </a:blip>
          <a:stretch>
            <a:fillRect/>
          </a:stretch>
        </p:blipFill>
        <p:spPr>
          <a:xfrm>
            <a:off x="434875" y="5761726"/>
            <a:ext cx="1070984" cy="847349"/>
          </a:xfrm>
          <a:prstGeom prst="rect">
            <a:avLst/>
          </a:prstGeom>
        </p:spPr>
      </p:pic>
      <p:pic>
        <p:nvPicPr>
          <p:cNvPr id="24" name="Recorded Sound">
            <a:hlinkClick r:id="" action="ppaction://media"/>
            <a:extLst>
              <a:ext uri="{FF2B5EF4-FFF2-40B4-BE49-F238E27FC236}">
                <a16:creationId xmlns:a16="http://schemas.microsoft.com/office/drawing/2014/main" id="{5DEB52B5-2B0D-426B-BE63-9C710BE1BEA2}"/>
              </a:ext>
            </a:extLst>
          </p:cNvPr>
          <p:cNvPicPr>
            <a:picLocks noChangeAspect="1"/>
          </p:cNvPicPr>
          <p:nvPr>
            <a:audioFile r:link="rId2"/>
            <p:extLst>
              <p:ext uri="{DAA4B4D4-6D71-4841-9C94-3DE7FCFB9230}">
                <p14:media xmlns:p14="http://schemas.microsoft.com/office/powerpoint/2010/main" r:embed="rId3">
                  <p14:trim st="1900" end="52720.1587"/>
                </p14:media>
              </p:ext>
            </p:extLst>
          </p:nvPr>
        </p:nvPicPr>
        <p:blipFill>
          <a:blip r:embed="rId11"/>
          <a:stretch>
            <a:fillRect/>
          </a:stretch>
        </p:blipFill>
        <p:spPr>
          <a:xfrm>
            <a:off x="5791200" y="3124200"/>
            <a:ext cx="609600" cy="609600"/>
          </a:xfrm>
          <a:prstGeom prst="rect">
            <a:avLst/>
          </a:prstGeom>
        </p:spPr>
      </p:pic>
    </p:spTree>
    <p:custDataLst>
      <p:tags r:id="rId1"/>
    </p:custDataLst>
    <p:extLst>
      <p:ext uri="{BB962C8B-B14F-4D97-AF65-F5344CB8AC3E}">
        <p14:creationId xmlns:p14="http://schemas.microsoft.com/office/powerpoint/2010/main" val="4041203026"/>
      </p:ext>
    </p:extLst>
  </p:cSld>
  <p:clrMapOvr>
    <a:masterClrMapping/>
  </p:clrMapOvr>
  <mc:AlternateContent xmlns:mc="http://schemas.openxmlformats.org/markup-compatibility/2006" xmlns:p14="http://schemas.microsoft.com/office/powerpoint/2010/main">
    <mc:Choice Requires="p14">
      <p:transition spd="slow" p14:dur="2000" advClick="0" advTm="104500"/>
    </mc:Choice>
    <mc:Fallback xmlns="">
      <p:transition spd="slow" advClick="0" advTm="1045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02100" fill="hold"/>
                                        <p:tgtEl>
                                          <p:spTgt spid="24"/>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4"/>
                </p:tgtEl>
              </p:cMediaNode>
            </p:audio>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2ED89EC-8047-9343-82CC-072345618727}"/>
              </a:ext>
            </a:extLst>
          </p:cNvPr>
          <p:cNvSpPr>
            <a:spLocks noGrp="1"/>
          </p:cNvSpPr>
          <p:nvPr>
            <p:ph sz="half" idx="1"/>
          </p:nvPr>
        </p:nvSpPr>
        <p:spPr>
          <a:xfrm>
            <a:off x="476415" y="1084374"/>
            <a:ext cx="4301379" cy="5031249"/>
          </a:xfrm>
        </p:spPr>
        <p:txBody>
          <a:bodyPr/>
          <a:lstStyle/>
          <a:p>
            <a:r>
              <a:rPr lang="en-US" sz="1600" dirty="0"/>
              <a:t>Tasks 1 - Initiation and Task 2 - draft FMP 30% complete</a:t>
            </a:r>
          </a:p>
          <a:p>
            <a:pPr lvl="1"/>
            <a:r>
              <a:rPr lang="en-US" dirty="0"/>
              <a:t>Presentations to Project Control Group and Steering Committee undertaken on 25 – 26 February 2020 </a:t>
            </a:r>
          </a:p>
          <a:p>
            <a:r>
              <a:rPr lang="en-US" sz="1600" dirty="0"/>
              <a:t>Task 3 - draft FMP 50% complete</a:t>
            </a:r>
          </a:p>
          <a:p>
            <a:pPr lvl="1"/>
            <a:r>
              <a:rPr lang="en-US" dirty="0"/>
              <a:t>Draft FMP 50% complete delivered on 07 April 2020</a:t>
            </a:r>
          </a:p>
          <a:p>
            <a:pPr lvl="1"/>
            <a:r>
              <a:rPr lang="en-US" dirty="0"/>
              <a:t>Virtual presentation to Project Control Group and Steering Committee</a:t>
            </a:r>
          </a:p>
          <a:p>
            <a:pPr lvl="1"/>
            <a:r>
              <a:rPr lang="en-US" dirty="0"/>
              <a:t>Virtual display boards for community consultation</a:t>
            </a:r>
          </a:p>
          <a:p>
            <a:r>
              <a:rPr lang="en-US" sz="1600" dirty="0">
                <a:solidFill>
                  <a:srgbClr val="71004B"/>
                </a:solidFill>
              </a:rPr>
              <a:t>Task 4 - draft FMP 90% complete</a:t>
            </a:r>
          </a:p>
          <a:p>
            <a:pPr lvl="1"/>
            <a:r>
              <a:rPr lang="en-US" dirty="0">
                <a:solidFill>
                  <a:srgbClr val="71004B"/>
                </a:solidFill>
              </a:rPr>
              <a:t>Draft FMP 90% complete delivered on 30 April 2021</a:t>
            </a:r>
          </a:p>
          <a:p>
            <a:pPr lvl="1"/>
            <a:r>
              <a:rPr lang="en-US" dirty="0">
                <a:solidFill>
                  <a:srgbClr val="71004B"/>
                </a:solidFill>
              </a:rPr>
              <a:t>Virtual presentation to Project Control Group and Steering Committee </a:t>
            </a:r>
          </a:p>
          <a:p>
            <a:r>
              <a:rPr lang="en-US" sz="1600" dirty="0"/>
              <a:t>Task 5 – FMP 100% complete</a:t>
            </a:r>
          </a:p>
          <a:p>
            <a:pPr lvl="1"/>
            <a:r>
              <a:rPr lang="en-US" dirty="0"/>
              <a:t>Delivered post receipt of comments on draft 90% complete documentation </a:t>
            </a:r>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2</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Emu Beach</a:t>
            </a:r>
          </a:p>
          <a:p>
            <a:r>
              <a:rPr lang="en-US" sz="800" dirty="0">
                <a:solidFill>
                  <a:srgbClr val="5F6369"/>
                </a:solidFill>
              </a:rPr>
              <a:t>Foreshore Management Plan</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2" name="Content Placeholder 2">
            <a:extLst>
              <a:ext uri="{FF2B5EF4-FFF2-40B4-BE49-F238E27FC236}">
                <a16:creationId xmlns:a16="http://schemas.microsoft.com/office/drawing/2014/main" id="{00D0B61B-A42A-4ECE-9EC5-B5613969E841}"/>
              </a:ext>
            </a:extLst>
          </p:cNvPr>
          <p:cNvSpPr txBox="1">
            <a:spLocks/>
          </p:cNvSpPr>
          <p:nvPr/>
        </p:nvSpPr>
        <p:spPr>
          <a:xfrm>
            <a:off x="6545580" y="2088000"/>
            <a:ext cx="5211446" cy="3525400"/>
          </a:xfrm>
          <a:prstGeom prst="rect">
            <a:avLst/>
          </a:prstGeom>
        </p:spPr>
        <p:txBody>
          <a:bodyPr vert="horz" lIns="0" tIns="0" rIns="0" bIns="0" rtlCol="0">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endParaRPr lang="en-US" dirty="0"/>
          </a:p>
          <a:p>
            <a:endParaRPr lang="en-US" dirty="0"/>
          </a:p>
        </p:txBody>
      </p:sp>
      <p:sp>
        <p:nvSpPr>
          <p:cNvPr id="10" name="Title 1">
            <a:extLst>
              <a:ext uri="{FF2B5EF4-FFF2-40B4-BE49-F238E27FC236}">
                <a16:creationId xmlns:a16="http://schemas.microsoft.com/office/drawing/2014/main" id="{DF4B6BA7-F993-4F9E-A993-094683B0B5BB}"/>
              </a:ext>
            </a:extLst>
          </p:cNvPr>
          <p:cNvSpPr txBox="1">
            <a:spLocks/>
          </p:cNvSpPr>
          <p:nvPr/>
        </p:nvSpPr>
        <p:spPr>
          <a:xfrm>
            <a:off x="373779" y="93126"/>
            <a:ext cx="5256728"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Foreshore Management Plan (FMP)</a:t>
            </a:r>
          </a:p>
        </p:txBody>
      </p:sp>
      <p:pic>
        <p:nvPicPr>
          <p:cNvPr id="13" name="Picture 12" descr="A body of water&#10;&#10;Description automatically generated">
            <a:extLst>
              <a:ext uri="{FF2B5EF4-FFF2-40B4-BE49-F238E27FC236}">
                <a16:creationId xmlns:a16="http://schemas.microsoft.com/office/drawing/2014/main" id="{AF648D3C-E96D-4B3C-A1F2-0C78577CE59F}"/>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991100" y="1084374"/>
            <a:ext cx="6920926" cy="4816514"/>
          </a:xfrm>
          <a:prstGeom prst="rect">
            <a:avLst/>
          </a:prstGeom>
        </p:spPr>
      </p:pic>
      <p:sp>
        <p:nvSpPr>
          <p:cNvPr id="2" name="Rectangle 1">
            <a:extLst>
              <a:ext uri="{FF2B5EF4-FFF2-40B4-BE49-F238E27FC236}">
                <a16:creationId xmlns:a16="http://schemas.microsoft.com/office/drawing/2014/main" id="{362D28A5-746D-491A-B97E-2F87431C24C4}"/>
              </a:ext>
            </a:extLst>
          </p:cNvPr>
          <p:cNvSpPr/>
          <p:nvPr/>
        </p:nvSpPr>
        <p:spPr>
          <a:xfrm>
            <a:off x="373779" y="545295"/>
            <a:ext cx="2262158" cy="400110"/>
          </a:xfrm>
          <a:prstGeom prst="rect">
            <a:avLst/>
          </a:prstGeom>
        </p:spPr>
        <p:txBody>
          <a:bodyPr wrap="none">
            <a:spAutoFit/>
          </a:bodyPr>
          <a:lstStyle/>
          <a:p>
            <a:r>
              <a:rPr lang="en-US" sz="2000" b="1" dirty="0">
                <a:solidFill>
                  <a:srgbClr val="71004B"/>
                </a:solidFill>
              </a:rPr>
              <a:t>Project Overview</a:t>
            </a:r>
            <a:endParaRPr lang="en-AU" sz="2000" b="1" dirty="0">
              <a:solidFill>
                <a:srgbClr val="71004B"/>
              </a:solidFill>
            </a:endParaRPr>
          </a:p>
        </p:txBody>
      </p:sp>
      <p:pic>
        <p:nvPicPr>
          <p:cNvPr id="9" name="Recorded Sound">
            <a:hlinkClick r:id="" action="ppaction://media"/>
            <a:extLst>
              <a:ext uri="{FF2B5EF4-FFF2-40B4-BE49-F238E27FC236}">
                <a16:creationId xmlns:a16="http://schemas.microsoft.com/office/drawing/2014/main" id="{1C28A161-7894-4665-A7CF-236580AE778B}"/>
              </a:ext>
            </a:extLst>
          </p:cNvPr>
          <p:cNvPicPr>
            <a:picLocks noChangeAspect="1"/>
          </p:cNvPicPr>
          <p:nvPr>
            <a:audioFile r:link="rId2"/>
            <p:extLst>
              <p:ext uri="{DAA4B4D4-6D71-4841-9C94-3DE7FCFB9230}">
                <p14:media xmlns:p14="http://schemas.microsoft.com/office/powerpoint/2010/main" r:embed="rId3">
                  <p14:trim st="1000" end="10154.6712"/>
                </p14:media>
              </p:ext>
            </p:extLst>
          </p:nvPr>
        </p:nvPicPr>
        <p:blipFill>
          <a:blip r:embed="rId8"/>
          <a:stretch>
            <a:fillRect/>
          </a:stretch>
        </p:blipFill>
        <p:spPr>
          <a:xfrm>
            <a:off x="5791200" y="3124200"/>
            <a:ext cx="609600" cy="609600"/>
          </a:xfrm>
          <a:prstGeom prst="rect">
            <a:avLst/>
          </a:prstGeom>
        </p:spPr>
      </p:pic>
    </p:spTree>
    <p:custDataLst>
      <p:tags r:id="rId1"/>
    </p:custDataLst>
    <p:extLst>
      <p:ext uri="{BB962C8B-B14F-4D97-AF65-F5344CB8AC3E}">
        <p14:creationId xmlns:p14="http://schemas.microsoft.com/office/powerpoint/2010/main" val="1233359137"/>
      </p:ext>
    </p:extLst>
  </p:cSld>
  <p:clrMapOvr>
    <a:masterClrMapping/>
  </p:clrMapOvr>
  <mc:AlternateContent xmlns:mc="http://schemas.openxmlformats.org/markup-compatibility/2006" xmlns:p14="http://schemas.microsoft.com/office/powerpoint/2010/main">
    <mc:Choice Requires="p14">
      <p:transition spd="slow" p14:dur="2000" advClick="0" advTm="70600"/>
    </mc:Choice>
    <mc:Fallback xmlns="">
      <p:transition spd="slow" advClick="0" advTm="706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70100"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02D2BE4-D7CF-AD4E-B8AE-B771B4569CE7}"/>
              </a:ext>
            </a:extLst>
          </p:cNvPr>
          <p:cNvSpPr>
            <a:spLocks noGrp="1"/>
          </p:cNvSpPr>
          <p:nvPr>
            <p:ph sz="half" idx="1"/>
          </p:nvPr>
        </p:nvSpPr>
        <p:spPr>
          <a:xfrm>
            <a:off x="449426" y="1014679"/>
            <a:ext cx="11307600" cy="2414321"/>
          </a:xfrm>
        </p:spPr>
        <p:txBody>
          <a:bodyPr/>
          <a:lstStyle/>
          <a:p>
            <a:pPr marL="0" indent="0" algn="ctr">
              <a:buNone/>
            </a:pPr>
            <a:r>
              <a:rPr lang="en-US" sz="2600" i="1" dirty="0">
                <a:solidFill>
                  <a:srgbClr val="71004B"/>
                </a:solidFill>
              </a:rPr>
              <a:t>The Emu Beach FMP has been prepared to provide the management framework for the implementation of the coastal adaption responses in the Emu Point Beach and Emu Point localities, consistent with State Planning Policy 2.6: State Coastal Planning Policy and the endorsed Emu Point to Middleton Beach Coastal Hazard Risk Management and Adaptation Plan.</a:t>
            </a:r>
          </a:p>
        </p:txBody>
      </p:sp>
      <p:sp>
        <p:nvSpPr>
          <p:cNvPr id="5" name="Text Placeholder 4">
            <a:extLst>
              <a:ext uri="{FF2B5EF4-FFF2-40B4-BE49-F238E27FC236}">
                <a16:creationId xmlns:a16="http://schemas.microsoft.com/office/drawing/2014/main" id="{2C12474F-9C5D-C04E-BBAA-40E5EE8D893D}"/>
              </a:ext>
            </a:extLst>
          </p:cNvPr>
          <p:cNvSpPr>
            <a:spLocks noGrp="1"/>
          </p:cNvSpPr>
          <p:nvPr>
            <p:ph type="body" sz="quarter" idx="16"/>
          </p:nvPr>
        </p:nvSpPr>
        <p:spPr/>
        <p:txBody>
          <a:bodyPr/>
          <a:lstStyle/>
          <a:p>
            <a:endParaRPr lang="en-US" dirty="0"/>
          </a:p>
        </p:txBody>
      </p:sp>
      <p:sp>
        <p:nvSpPr>
          <p:cNvPr id="6" name="Slide Number Placeholder 5">
            <a:extLst>
              <a:ext uri="{FF2B5EF4-FFF2-40B4-BE49-F238E27FC236}">
                <a16:creationId xmlns:a16="http://schemas.microsoft.com/office/drawing/2014/main" id="{0C95FA9F-6062-F24E-9CD0-927A86A8FA9F}"/>
              </a:ext>
            </a:extLst>
          </p:cNvPr>
          <p:cNvSpPr>
            <a:spLocks noGrp="1"/>
          </p:cNvSpPr>
          <p:nvPr>
            <p:ph type="sldNum" sz="quarter" idx="12"/>
          </p:nvPr>
        </p:nvSpPr>
        <p:spPr/>
        <p:txBody>
          <a:bodyPr/>
          <a:lstStyle/>
          <a:p>
            <a:fld id="{24C8C45C-947F-4981-8B3F-4F32E973C901}" type="slidenum">
              <a:rPr lang="en-GB" smtClean="0"/>
              <a:t>3</a:t>
            </a:fld>
            <a:endParaRPr lang="en-GB" dirty="0"/>
          </a:p>
        </p:txBody>
      </p:sp>
      <p:sp>
        <p:nvSpPr>
          <p:cNvPr id="7" name="Text Placeholder 6">
            <a:extLst>
              <a:ext uri="{FF2B5EF4-FFF2-40B4-BE49-F238E27FC236}">
                <a16:creationId xmlns:a16="http://schemas.microsoft.com/office/drawing/2014/main" id="{AD0E8C28-CDC4-1340-AF62-6D05B2F7EF0F}"/>
              </a:ext>
            </a:extLst>
          </p:cNvPr>
          <p:cNvSpPr>
            <a:spLocks noGrp="1"/>
          </p:cNvSpPr>
          <p:nvPr>
            <p:ph type="body" sz="quarter" idx="17"/>
          </p:nvPr>
        </p:nvSpPr>
        <p:spPr>
          <a:xfrm>
            <a:off x="9483725" y="6115623"/>
            <a:ext cx="1801019" cy="323353"/>
          </a:xfrm>
        </p:spPr>
        <p:txBody>
          <a:bodyPr/>
          <a:lstStyle/>
          <a:p>
            <a:r>
              <a:rPr lang="en-US" dirty="0"/>
              <a:t>Emu Beach</a:t>
            </a:r>
          </a:p>
          <a:p>
            <a:r>
              <a:rPr lang="en-US" sz="800" dirty="0">
                <a:solidFill>
                  <a:srgbClr val="5F6369"/>
                </a:solidFill>
              </a:rPr>
              <a:t>Foreshore Management Plan</a:t>
            </a:r>
          </a:p>
          <a:p>
            <a:endParaRPr lang="en-US" dirty="0"/>
          </a:p>
        </p:txBody>
      </p:sp>
      <p:pic>
        <p:nvPicPr>
          <p:cNvPr id="13" name="Picture 12">
            <a:extLst>
              <a:ext uri="{FF2B5EF4-FFF2-40B4-BE49-F238E27FC236}">
                <a16:creationId xmlns:a16="http://schemas.microsoft.com/office/drawing/2014/main" id="{55622B8A-04A2-47AE-922A-459F3C28B522}"/>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0" name="Title 1">
            <a:extLst>
              <a:ext uri="{FF2B5EF4-FFF2-40B4-BE49-F238E27FC236}">
                <a16:creationId xmlns:a16="http://schemas.microsoft.com/office/drawing/2014/main" id="{C153C32D-EC23-4E49-8C44-6A44066BAF0E}"/>
              </a:ext>
            </a:extLst>
          </p:cNvPr>
          <p:cNvSpPr txBox="1">
            <a:spLocks/>
          </p:cNvSpPr>
          <p:nvPr/>
        </p:nvSpPr>
        <p:spPr>
          <a:xfrm>
            <a:off x="450000" y="10894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FMP Purpose</a:t>
            </a:r>
          </a:p>
        </p:txBody>
      </p:sp>
      <p:pic>
        <p:nvPicPr>
          <p:cNvPr id="12" name="Picture 11">
            <a:extLst>
              <a:ext uri="{FF2B5EF4-FFF2-40B4-BE49-F238E27FC236}">
                <a16:creationId xmlns:a16="http://schemas.microsoft.com/office/drawing/2014/main" id="{F93F1A7D-4301-447A-BB4D-E84118E4B14C}"/>
              </a:ext>
            </a:extLst>
          </p:cNvPr>
          <p:cNvPicPr>
            <a:picLocks noChangeAspect="1"/>
          </p:cNvPicPr>
          <p:nvPr/>
        </p:nvPicPr>
        <p:blipFill>
          <a:blip r:embed="rId7"/>
          <a:stretch>
            <a:fillRect/>
          </a:stretch>
        </p:blipFill>
        <p:spPr>
          <a:xfrm>
            <a:off x="812283" y="3619291"/>
            <a:ext cx="3236678" cy="2156400"/>
          </a:xfrm>
          <a:prstGeom prst="rect">
            <a:avLst/>
          </a:prstGeom>
        </p:spPr>
      </p:pic>
      <p:pic>
        <p:nvPicPr>
          <p:cNvPr id="17" name="Picture 16">
            <a:extLst>
              <a:ext uri="{FF2B5EF4-FFF2-40B4-BE49-F238E27FC236}">
                <a16:creationId xmlns:a16="http://schemas.microsoft.com/office/drawing/2014/main" id="{9CBBC1B6-2A74-4FC8-A2EF-2CAF01ED27BD}"/>
              </a:ext>
            </a:extLst>
          </p:cNvPr>
          <p:cNvPicPr>
            <a:picLocks noChangeAspect="1"/>
          </p:cNvPicPr>
          <p:nvPr/>
        </p:nvPicPr>
        <p:blipFill>
          <a:blip r:embed="rId8"/>
          <a:stretch>
            <a:fillRect/>
          </a:stretch>
        </p:blipFill>
        <p:spPr>
          <a:xfrm>
            <a:off x="8318735" y="3619291"/>
            <a:ext cx="3236678" cy="2156400"/>
          </a:xfrm>
          <a:prstGeom prst="rect">
            <a:avLst/>
          </a:prstGeom>
        </p:spPr>
      </p:pic>
      <p:pic>
        <p:nvPicPr>
          <p:cNvPr id="18" name="Picture 17">
            <a:extLst>
              <a:ext uri="{FF2B5EF4-FFF2-40B4-BE49-F238E27FC236}">
                <a16:creationId xmlns:a16="http://schemas.microsoft.com/office/drawing/2014/main" id="{B102FD3E-9A5A-4F85-98A6-80F815F6406D}"/>
              </a:ext>
            </a:extLst>
          </p:cNvPr>
          <p:cNvPicPr>
            <a:picLocks noChangeAspect="1"/>
          </p:cNvPicPr>
          <p:nvPr/>
        </p:nvPicPr>
        <p:blipFill>
          <a:blip r:embed="rId9"/>
          <a:stretch>
            <a:fillRect/>
          </a:stretch>
        </p:blipFill>
        <p:spPr>
          <a:xfrm>
            <a:off x="4565509" y="3619291"/>
            <a:ext cx="3236678" cy="2156400"/>
          </a:xfrm>
          <a:prstGeom prst="rect">
            <a:avLst/>
          </a:prstGeom>
        </p:spPr>
      </p:pic>
      <p:pic>
        <p:nvPicPr>
          <p:cNvPr id="2" name="Recorded Sound">
            <a:hlinkClick r:id="" action="ppaction://media"/>
            <a:extLst>
              <a:ext uri="{FF2B5EF4-FFF2-40B4-BE49-F238E27FC236}">
                <a16:creationId xmlns:a16="http://schemas.microsoft.com/office/drawing/2014/main" id="{2AFE627B-436E-458B-8A16-AF31FAC9DC68}"/>
              </a:ext>
            </a:extLst>
          </p:cNvPr>
          <p:cNvPicPr>
            <a:picLocks noChangeAspect="1"/>
          </p:cNvPicPr>
          <p:nvPr>
            <a:audioFile r:link="rId2"/>
            <p:extLst>
              <p:ext uri="{DAA4B4D4-6D71-4841-9C94-3DE7FCFB9230}">
                <p14:media xmlns:p14="http://schemas.microsoft.com/office/powerpoint/2010/main" r:embed="rId3">
                  <p14:trim st="2312" end="2275.551"/>
                </p14:media>
              </p:ext>
            </p:extLst>
          </p:nvPr>
        </p:nvPicPr>
        <p:blipFill>
          <a:blip r:embed="rId10"/>
          <a:stretch>
            <a:fillRect/>
          </a:stretch>
        </p:blipFill>
        <p:spPr>
          <a:xfrm>
            <a:off x="5791200" y="3124200"/>
            <a:ext cx="609600" cy="609600"/>
          </a:xfrm>
          <a:prstGeom prst="rect">
            <a:avLst/>
          </a:prstGeom>
        </p:spPr>
      </p:pic>
    </p:spTree>
    <p:custDataLst>
      <p:tags r:id="rId1"/>
    </p:custDataLst>
    <p:extLst>
      <p:ext uri="{BB962C8B-B14F-4D97-AF65-F5344CB8AC3E}">
        <p14:creationId xmlns:p14="http://schemas.microsoft.com/office/powerpoint/2010/main" val="2038176997"/>
      </p:ext>
    </p:extLst>
  </p:cSld>
  <p:clrMapOvr>
    <a:masterClrMapping/>
  </p:clrMapOvr>
  <mc:AlternateContent xmlns:mc="http://schemas.openxmlformats.org/markup-compatibility/2006" xmlns:p14="http://schemas.microsoft.com/office/powerpoint/2010/main">
    <mc:Choice Requires="p14">
      <p:transition spd="slow" p14:dur="2000" advClick="0" advTm="25200"/>
    </mc:Choice>
    <mc:Fallback xmlns="">
      <p:transition spd="slow" advClick="0" advTm="252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22450"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02D2BE4-D7CF-AD4E-B8AE-B771B4569CE7}"/>
              </a:ext>
            </a:extLst>
          </p:cNvPr>
          <p:cNvSpPr>
            <a:spLocks noGrp="1"/>
          </p:cNvSpPr>
          <p:nvPr>
            <p:ph sz="half" idx="1"/>
          </p:nvPr>
        </p:nvSpPr>
        <p:spPr>
          <a:xfrm>
            <a:off x="450000" y="626006"/>
            <a:ext cx="3705060" cy="5079070"/>
          </a:xfrm>
        </p:spPr>
        <p:txBody>
          <a:bodyPr/>
          <a:lstStyle/>
          <a:p>
            <a:r>
              <a:rPr lang="en-US" sz="1800" dirty="0"/>
              <a:t>8.5 km north-east of Albany city </a:t>
            </a:r>
            <a:r>
              <a:rPr lang="en-AU" sz="1800" dirty="0"/>
              <a:t>centre</a:t>
            </a:r>
            <a:r>
              <a:rPr lang="en-US" sz="1800" dirty="0"/>
              <a:t>    </a:t>
            </a:r>
          </a:p>
          <a:p>
            <a:r>
              <a:rPr lang="en-US" sz="1800" dirty="0"/>
              <a:t>59 ha parcel of coastal land</a:t>
            </a:r>
          </a:p>
          <a:p>
            <a:r>
              <a:rPr lang="en-US" sz="1800" dirty="0"/>
              <a:t>Key land uses:</a:t>
            </a:r>
          </a:p>
          <a:p>
            <a:pPr lvl="1"/>
            <a:r>
              <a:rPr lang="en-US" sz="1600" dirty="0"/>
              <a:t>CoA-managed coastal foreshore reserves</a:t>
            </a:r>
          </a:p>
          <a:p>
            <a:pPr lvl="1"/>
            <a:r>
              <a:rPr lang="en-US" sz="1600" dirty="0"/>
              <a:t>Residential development:</a:t>
            </a:r>
          </a:p>
          <a:p>
            <a:pPr lvl="2"/>
            <a:r>
              <a:rPr lang="en-US" dirty="0"/>
              <a:t>Barry Court and Dillion Close, Griffiths and Hope streets and Cunningham Street </a:t>
            </a:r>
          </a:p>
          <a:p>
            <a:pPr lvl="1"/>
            <a:r>
              <a:rPr lang="en-US" sz="1600" dirty="0"/>
              <a:t>Holiday accommodation:</a:t>
            </a:r>
          </a:p>
          <a:p>
            <a:pPr lvl="2"/>
            <a:r>
              <a:rPr lang="en-US" dirty="0"/>
              <a:t>Emu Beach Big4 Holiday Park</a:t>
            </a:r>
          </a:p>
          <a:p>
            <a:pPr lvl="2"/>
            <a:r>
              <a:rPr lang="en-US" dirty="0"/>
              <a:t>Havana Villas </a:t>
            </a:r>
          </a:p>
          <a:p>
            <a:pPr lvl="2"/>
            <a:r>
              <a:rPr lang="en-US" dirty="0"/>
              <a:t>Rose Gardens Beachside Holiday Park </a:t>
            </a:r>
          </a:p>
          <a:p>
            <a:pPr lvl="1"/>
            <a:r>
              <a:rPr lang="en-US" sz="1600" dirty="0"/>
              <a:t>Future urban development:</a:t>
            </a:r>
          </a:p>
          <a:p>
            <a:pPr lvl="2"/>
            <a:r>
              <a:rPr lang="en-US" dirty="0"/>
              <a:t>Emu Point residential estate </a:t>
            </a:r>
          </a:p>
        </p:txBody>
      </p:sp>
      <p:pic>
        <p:nvPicPr>
          <p:cNvPr id="8" name="Picture Placeholder 7">
            <a:extLst>
              <a:ext uri="{FF2B5EF4-FFF2-40B4-BE49-F238E27FC236}">
                <a16:creationId xmlns:a16="http://schemas.microsoft.com/office/drawing/2014/main" id="{4AE826CB-789E-4269-AB8B-83F6E50C0924}"/>
              </a:ext>
            </a:extLst>
          </p:cNvPr>
          <p:cNvPicPr>
            <a:picLocks noGrp="1" noChangeAspect="1"/>
          </p:cNvPicPr>
          <p:nvPr>
            <p:ph type="pic" sz="quarter" idx="15"/>
          </p:nvPr>
        </p:nvPicPr>
        <p:blipFill rotWithShape="1">
          <a:blip r:embed="rId6">
            <a:extLst>
              <a:ext uri="{28A0092B-C50C-407E-A947-70E740481C1C}">
                <a14:useLocalDpi xmlns:a14="http://schemas.microsoft.com/office/drawing/2010/main" val="0"/>
              </a:ext>
            </a:extLst>
          </a:blip>
          <a:srcRect/>
          <a:stretch/>
        </p:blipFill>
        <p:spPr>
          <a:xfrm>
            <a:off x="4272025" y="830685"/>
            <a:ext cx="7485001" cy="4607526"/>
          </a:xfrm>
          <a:prstGeom prst="rect">
            <a:avLst/>
          </a:prstGeom>
        </p:spPr>
      </p:pic>
      <p:sp>
        <p:nvSpPr>
          <p:cNvPr id="5" name="Text Placeholder 4">
            <a:extLst>
              <a:ext uri="{FF2B5EF4-FFF2-40B4-BE49-F238E27FC236}">
                <a16:creationId xmlns:a16="http://schemas.microsoft.com/office/drawing/2014/main" id="{2C12474F-9C5D-C04E-BBAA-40E5EE8D893D}"/>
              </a:ext>
            </a:extLst>
          </p:cNvPr>
          <p:cNvSpPr>
            <a:spLocks noGrp="1"/>
          </p:cNvSpPr>
          <p:nvPr>
            <p:ph type="body" sz="quarter" idx="16"/>
          </p:nvPr>
        </p:nvSpPr>
        <p:spPr/>
        <p:txBody>
          <a:bodyPr/>
          <a:lstStyle/>
          <a:p>
            <a:endParaRPr lang="en-US" dirty="0"/>
          </a:p>
        </p:txBody>
      </p:sp>
      <p:sp>
        <p:nvSpPr>
          <p:cNvPr id="6" name="Slide Number Placeholder 5">
            <a:extLst>
              <a:ext uri="{FF2B5EF4-FFF2-40B4-BE49-F238E27FC236}">
                <a16:creationId xmlns:a16="http://schemas.microsoft.com/office/drawing/2014/main" id="{0C95FA9F-6062-F24E-9CD0-927A86A8FA9F}"/>
              </a:ext>
            </a:extLst>
          </p:cNvPr>
          <p:cNvSpPr>
            <a:spLocks noGrp="1"/>
          </p:cNvSpPr>
          <p:nvPr>
            <p:ph type="sldNum" sz="quarter" idx="12"/>
          </p:nvPr>
        </p:nvSpPr>
        <p:spPr/>
        <p:txBody>
          <a:bodyPr/>
          <a:lstStyle/>
          <a:p>
            <a:fld id="{24C8C45C-947F-4981-8B3F-4F32E973C901}" type="slidenum">
              <a:rPr lang="en-GB" smtClean="0"/>
              <a:t>4</a:t>
            </a:fld>
            <a:endParaRPr lang="en-GB" dirty="0"/>
          </a:p>
        </p:txBody>
      </p:sp>
      <p:sp>
        <p:nvSpPr>
          <p:cNvPr id="7" name="Text Placeholder 6">
            <a:extLst>
              <a:ext uri="{FF2B5EF4-FFF2-40B4-BE49-F238E27FC236}">
                <a16:creationId xmlns:a16="http://schemas.microsoft.com/office/drawing/2014/main" id="{AD0E8C28-CDC4-1340-AF62-6D05B2F7EF0F}"/>
              </a:ext>
            </a:extLst>
          </p:cNvPr>
          <p:cNvSpPr>
            <a:spLocks noGrp="1"/>
          </p:cNvSpPr>
          <p:nvPr>
            <p:ph type="body" sz="quarter" idx="17"/>
          </p:nvPr>
        </p:nvSpPr>
        <p:spPr>
          <a:xfrm>
            <a:off x="9483725" y="6115623"/>
            <a:ext cx="1801019" cy="323353"/>
          </a:xfrm>
        </p:spPr>
        <p:txBody>
          <a:bodyPr/>
          <a:lstStyle/>
          <a:p>
            <a:r>
              <a:rPr lang="en-US" dirty="0"/>
              <a:t>Emu Beach</a:t>
            </a:r>
          </a:p>
          <a:p>
            <a:r>
              <a:rPr lang="en-US" sz="800" dirty="0">
                <a:solidFill>
                  <a:srgbClr val="5F6369"/>
                </a:solidFill>
              </a:rPr>
              <a:t>Foreshore Management Plan</a:t>
            </a:r>
          </a:p>
          <a:p>
            <a:endParaRPr lang="en-US" dirty="0"/>
          </a:p>
        </p:txBody>
      </p:sp>
      <p:pic>
        <p:nvPicPr>
          <p:cNvPr id="9" name="Content Placeholder 10">
            <a:extLst>
              <a:ext uri="{FF2B5EF4-FFF2-40B4-BE49-F238E27FC236}">
                <a16:creationId xmlns:a16="http://schemas.microsoft.com/office/drawing/2014/main" id="{C92A926D-8C87-45DD-B5E7-635C14619F98}"/>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a:off x="8304246" y="4086743"/>
            <a:ext cx="3569746" cy="1886328"/>
          </a:xfrm>
          <a:prstGeom prst="rect">
            <a:avLst/>
          </a:prstGeom>
        </p:spPr>
      </p:pic>
      <p:pic>
        <p:nvPicPr>
          <p:cNvPr id="13" name="Picture 12">
            <a:extLst>
              <a:ext uri="{FF2B5EF4-FFF2-40B4-BE49-F238E27FC236}">
                <a16:creationId xmlns:a16="http://schemas.microsoft.com/office/drawing/2014/main" id="{55622B8A-04A2-47AE-922A-459F3C28B522}"/>
              </a:ext>
            </a:extLst>
          </p:cNvPr>
          <p:cNvPicPr>
            <a:picLocks noChangeAspect="1"/>
          </p:cNvPicPr>
          <p:nvPr/>
        </p:nvPicPr>
        <p:blipFill>
          <a:blip r:embed="rId8"/>
          <a:stretch>
            <a:fillRect/>
          </a:stretch>
        </p:blipFill>
        <p:spPr>
          <a:xfrm>
            <a:off x="9336496" y="6438977"/>
            <a:ext cx="2218917" cy="419023"/>
          </a:xfrm>
          <a:prstGeom prst="rect">
            <a:avLst/>
          </a:prstGeom>
        </p:spPr>
      </p:pic>
      <p:sp>
        <p:nvSpPr>
          <p:cNvPr id="10" name="Title 1">
            <a:extLst>
              <a:ext uri="{FF2B5EF4-FFF2-40B4-BE49-F238E27FC236}">
                <a16:creationId xmlns:a16="http://schemas.microsoft.com/office/drawing/2014/main" id="{C153C32D-EC23-4E49-8C44-6A44066BAF0E}"/>
              </a:ext>
            </a:extLst>
          </p:cNvPr>
          <p:cNvSpPr txBox="1">
            <a:spLocks/>
          </p:cNvSpPr>
          <p:nvPr/>
        </p:nvSpPr>
        <p:spPr>
          <a:xfrm>
            <a:off x="450000" y="108943"/>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FMP Project Area</a:t>
            </a:r>
          </a:p>
        </p:txBody>
      </p:sp>
      <p:pic>
        <p:nvPicPr>
          <p:cNvPr id="2" name="Recorded Sound">
            <a:hlinkClick r:id="" action="ppaction://media"/>
            <a:extLst>
              <a:ext uri="{FF2B5EF4-FFF2-40B4-BE49-F238E27FC236}">
                <a16:creationId xmlns:a16="http://schemas.microsoft.com/office/drawing/2014/main" id="{C922B571-1C62-47FF-BF57-E3382C4BC8A7}"/>
              </a:ext>
            </a:extLst>
          </p:cNvPr>
          <p:cNvPicPr>
            <a:picLocks noChangeAspect="1"/>
          </p:cNvPicPr>
          <p:nvPr>
            <a:audioFile r:link="rId2"/>
            <p:extLst>
              <p:ext uri="{DAA4B4D4-6D71-4841-9C94-3DE7FCFB9230}">
                <p14:media xmlns:p14="http://schemas.microsoft.com/office/powerpoint/2010/main" r:embed="rId3">
                  <p14:trim st="1949" end="276.4285"/>
                </p14:media>
              </p:ext>
            </p:extLst>
          </p:nvPr>
        </p:nvPicPr>
        <p:blipFill>
          <a:blip r:embed="rId9"/>
          <a:stretch>
            <a:fillRect/>
          </a:stretch>
        </p:blipFill>
        <p:spPr>
          <a:xfrm>
            <a:off x="5791200" y="3124200"/>
            <a:ext cx="609600" cy="609600"/>
          </a:xfrm>
          <a:prstGeom prst="rect">
            <a:avLst/>
          </a:prstGeom>
        </p:spPr>
      </p:pic>
    </p:spTree>
    <p:custDataLst>
      <p:tags r:id="rId1"/>
    </p:custDataLst>
    <p:extLst>
      <p:ext uri="{BB962C8B-B14F-4D97-AF65-F5344CB8AC3E}">
        <p14:creationId xmlns:p14="http://schemas.microsoft.com/office/powerpoint/2010/main" val="2494002300"/>
      </p:ext>
    </p:extLst>
  </p:cSld>
  <p:clrMapOvr>
    <a:masterClrMapping/>
  </p:clrMapOvr>
  <mc:AlternateContent xmlns:mc="http://schemas.openxmlformats.org/markup-compatibility/2006" xmlns:p14="http://schemas.microsoft.com/office/powerpoint/2010/main">
    <mc:Choice Requires="p14">
      <p:transition spd="slow" p14:dur="2000" advClick="0" advTm="56700"/>
    </mc:Choice>
    <mc:Fallback xmlns="">
      <p:transition spd="slow" advClick="0" advTm="5670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56206"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2B6EDB-07C6-4001-9CAC-AAA2ADA61575}"/>
              </a:ext>
            </a:extLst>
          </p:cNvPr>
          <p:cNvSpPr>
            <a:spLocks noGrp="1"/>
          </p:cNvSpPr>
          <p:nvPr>
            <p:ph type="title"/>
          </p:nvPr>
        </p:nvSpPr>
        <p:spPr/>
        <p:txBody>
          <a:bodyPr>
            <a:normAutofit fontScale="90000"/>
          </a:bodyPr>
          <a:lstStyle/>
          <a:p>
            <a:endParaRPr lang="en-AU" dirty="0"/>
          </a:p>
        </p:txBody>
      </p:sp>
      <p:sp>
        <p:nvSpPr>
          <p:cNvPr id="3" name="Content Placeholder 2">
            <a:extLst>
              <a:ext uri="{FF2B5EF4-FFF2-40B4-BE49-F238E27FC236}">
                <a16:creationId xmlns:a16="http://schemas.microsoft.com/office/drawing/2014/main" id="{F036C7BA-51C0-42B2-97B9-CB159E773664}"/>
              </a:ext>
            </a:extLst>
          </p:cNvPr>
          <p:cNvSpPr>
            <a:spLocks noGrp="1"/>
          </p:cNvSpPr>
          <p:nvPr>
            <p:ph sz="half" idx="1"/>
          </p:nvPr>
        </p:nvSpPr>
        <p:spPr/>
        <p:txBody>
          <a:bodyPr/>
          <a:lstStyle/>
          <a:p>
            <a:endParaRPr lang="en-AU" dirty="0"/>
          </a:p>
        </p:txBody>
      </p:sp>
      <p:sp>
        <p:nvSpPr>
          <p:cNvPr id="4" name="Content Placeholder 3">
            <a:extLst>
              <a:ext uri="{FF2B5EF4-FFF2-40B4-BE49-F238E27FC236}">
                <a16:creationId xmlns:a16="http://schemas.microsoft.com/office/drawing/2014/main" id="{EB944FFA-9856-44F5-9E9D-038E194FADBD}"/>
              </a:ext>
            </a:extLst>
          </p:cNvPr>
          <p:cNvSpPr>
            <a:spLocks noGrp="1"/>
          </p:cNvSpPr>
          <p:nvPr>
            <p:ph sz="half" idx="2"/>
          </p:nvPr>
        </p:nvSpPr>
        <p:spPr/>
        <p:txBody>
          <a:bodyPr/>
          <a:lstStyle/>
          <a:p>
            <a:endParaRPr lang="en-AU" dirty="0"/>
          </a:p>
        </p:txBody>
      </p:sp>
      <p:sp>
        <p:nvSpPr>
          <p:cNvPr id="5" name="Slide Number Placeholder 4">
            <a:extLst>
              <a:ext uri="{FF2B5EF4-FFF2-40B4-BE49-F238E27FC236}">
                <a16:creationId xmlns:a16="http://schemas.microsoft.com/office/drawing/2014/main" id="{98F3289F-E8ED-4D05-9B05-3F1C1A47C3C0}"/>
              </a:ext>
            </a:extLst>
          </p:cNvPr>
          <p:cNvSpPr>
            <a:spLocks noGrp="1"/>
          </p:cNvSpPr>
          <p:nvPr>
            <p:ph type="sldNum" sz="quarter" idx="12"/>
          </p:nvPr>
        </p:nvSpPr>
        <p:spPr/>
        <p:txBody>
          <a:bodyPr/>
          <a:lstStyle/>
          <a:p>
            <a:fld id="{24C8C45C-947F-4981-8B3F-4F32E973C901}" type="slidenum">
              <a:rPr lang="en-GB" smtClean="0"/>
              <a:t>5</a:t>
            </a:fld>
            <a:endParaRPr lang="en-GB" dirty="0"/>
          </a:p>
        </p:txBody>
      </p:sp>
      <p:sp>
        <p:nvSpPr>
          <p:cNvPr id="6" name="Text Placeholder 5">
            <a:extLst>
              <a:ext uri="{FF2B5EF4-FFF2-40B4-BE49-F238E27FC236}">
                <a16:creationId xmlns:a16="http://schemas.microsoft.com/office/drawing/2014/main" id="{541F6DFA-4972-44FD-A57F-E2CE91148D6F}"/>
              </a:ext>
            </a:extLst>
          </p:cNvPr>
          <p:cNvSpPr>
            <a:spLocks noGrp="1"/>
          </p:cNvSpPr>
          <p:nvPr>
            <p:ph type="body" sz="quarter" idx="15"/>
          </p:nvPr>
        </p:nvSpPr>
        <p:spPr/>
        <p:txBody>
          <a:bodyPr/>
          <a:lstStyle/>
          <a:p>
            <a:endParaRPr lang="en-AU" dirty="0"/>
          </a:p>
        </p:txBody>
      </p:sp>
      <p:pic>
        <p:nvPicPr>
          <p:cNvPr id="8" name="Picture 7">
            <a:extLst>
              <a:ext uri="{FF2B5EF4-FFF2-40B4-BE49-F238E27FC236}">
                <a16:creationId xmlns:a16="http://schemas.microsoft.com/office/drawing/2014/main" id="{1F10EF29-C81B-4A22-AD0B-9D875D96C3D8}"/>
              </a:ext>
            </a:extLst>
          </p:cNvPr>
          <p:cNvPicPr>
            <a:picLocks noChangeAspect="1"/>
          </p:cNvPicPr>
          <p:nvPr/>
        </p:nvPicPr>
        <p:blipFill>
          <a:blip r:embed="rId5">
            <a:extLst>
              <a:ext uri="{28A0092B-C50C-407E-A947-70E740481C1C}">
                <a14:useLocalDpi xmlns:a14="http://schemas.microsoft.com/office/drawing/2010/main" val="0"/>
              </a:ext>
            </a:extLst>
          </a:blip>
          <a:srcRect/>
          <a:stretch/>
        </p:blipFill>
        <p:spPr>
          <a:xfrm>
            <a:off x="0" y="-612942"/>
            <a:ext cx="12192000" cy="7516367"/>
          </a:xfrm>
          <a:prstGeom prst="rect">
            <a:avLst/>
          </a:prstGeom>
        </p:spPr>
      </p:pic>
      <p:pic>
        <p:nvPicPr>
          <p:cNvPr id="10" name="Picture 9">
            <a:extLst>
              <a:ext uri="{FF2B5EF4-FFF2-40B4-BE49-F238E27FC236}">
                <a16:creationId xmlns:a16="http://schemas.microsoft.com/office/drawing/2014/main" id="{F8C74F36-C6C1-4B0E-86A5-F83E11650C8D}"/>
              </a:ext>
            </a:extLst>
          </p:cNvPr>
          <p:cNvPicPr>
            <a:picLocks noChangeAspect="1"/>
          </p:cNvPicPr>
          <p:nvPr/>
        </p:nvPicPr>
        <p:blipFill rotWithShape="1">
          <a:blip r:embed="rId6"/>
          <a:srcRect t="1570"/>
          <a:stretch/>
        </p:blipFill>
        <p:spPr>
          <a:xfrm>
            <a:off x="9970265" y="4336206"/>
            <a:ext cx="2256263" cy="2521794"/>
          </a:xfrm>
          <a:prstGeom prst="rect">
            <a:avLst/>
          </a:prstGeom>
        </p:spPr>
      </p:pic>
      <p:sp>
        <p:nvSpPr>
          <p:cNvPr id="9" name="Title 1">
            <a:extLst>
              <a:ext uri="{FF2B5EF4-FFF2-40B4-BE49-F238E27FC236}">
                <a16:creationId xmlns:a16="http://schemas.microsoft.com/office/drawing/2014/main" id="{B9CDA67C-075B-44B9-AB1F-BF7F49CA2A3C}"/>
              </a:ext>
            </a:extLst>
          </p:cNvPr>
          <p:cNvSpPr txBox="1">
            <a:spLocks/>
          </p:cNvSpPr>
          <p:nvPr/>
        </p:nvSpPr>
        <p:spPr>
          <a:xfrm>
            <a:off x="476415" y="590646"/>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solidFill>
                  <a:schemeClr val="bg1"/>
                </a:solidFill>
              </a:rPr>
              <a:t>Flora and Vegetation</a:t>
            </a:r>
          </a:p>
        </p:txBody>
      </p:sp>
      <p:pic>
        <p:nvPicPr>
          <p:cNvPr id="11" name="Recorded Sound">
            <a:hlinkClick r:id="" action="ppaction://media"/>
            <a:extLst>
              <a:ext uri="{FF2B5EF4-FFF2-40B4-BE49-F238E27FC236}">
                <a16:creationId xmlns:a16="http://schemas.microsoft.com/office/drawing/2014/main" id="{1093570A-C6A4-4B2C-8F73-D8A2E99BA9CE}"/>
              </a:ext>
            </a:extLst>
          </p:cNvPr>
          <p:cNvPicPr>
            <a:picLocks noChangeAspect="1"/>
          </p:cNvPicPr>
          <p:nvPr>
            <a:audioFile r:link="rId1"/>
            <p:extLst>
              <p:ext uri="{DAA4B4D4-6D71-4841-9C94-3DE7FCFB9230}">
                <p14:media xmlns:p14="http://schemas.microsoft.com/office/powerpoint/2010/main" r:embed="rId2">
                  <p14:trim end="113105.7596"/>
                </p14:media>
              </p:ext>
            </p:extLst>
          </p:nvPr>
        </p:nvPicPr>
        <p:blipFill>
          <a:blip r:embed="rId7"/>
          <a:stretch>
            <a:fillRect/>
          </a:stretch>
        </p:blipFill>
        <p:spPr>
          <a:xfrm>
            <a:off x="5791200" y="3124200"/>
            <a:ext cx="609600" cy="609600"/>
          </a:xfrm>
          <a:prstGeom prst="rect">
            <a:avLst/>
          </a:prstGeom>
        </p:spPr>
      </p:pic>
    </p:spTree>
    <p:extLst>
      <p:ext uri="{BB962C8B-B14F-4D97-AF65-F5344CB8AC3E}">
        <p14:creationId xmlns:p14="http://schemas.microsoft.com/office/powerpoint/2010/main" val="1759204424"/>
      </p:ext>
    </p:extLst>
  </p:cSld>
  <p:clrMapOvr>
    <a:masterClrMapping/>
  </p:clrMapOvr>
  <mc:AlternateContent xmlns:mc="http://schemas.openxmlformats.org/markup-compatibility/2006" xmlns:p14="http://schemas.microsoft.com/office/powerpoint/2010/main">
    <mc:Choice Requires="p14">
      <p:transition spd="slow" p14:dur="2000" advClick="0" advTm="102500"/>
    </mc:Choice>
    <mc:Fallback xmlns="">
      <p:transition spd="slow" advClick="0" advTm="1025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02070" fill="hold"/>
                                        <p:tgtEl>
                                          <p:spTgt spid="11"/>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11"/>
                </p:tgtEl>
              </p:cMediaNode>
            </p:audi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8A909C-D6BC-9142-AAE3-CE9E6E4CE07D}"/>
              </a:ext>
            </a:extLst>
          </p:cNvPr>
          <p:cNvSpPr>
            <a:spLocks noGrp="1"/>
          </p:cNvSpPr>
          <p:nvPr>
            <p:ph type="title"/>
          </p:nvPr>
        </p:nvSpPr>
        <p:spPr/>
        <p:txBody>
          <a:bodyPr>
            <a:normAutofit fontScale="90000"/>
          </a:bodyPr>
          <a:lstStyle/>
          <a:p>
            <a:endParaRPr lang="en-US" dirty="0"/>
          </a:p>
        </p:txBody>
      </p:sp>
      <p:sp>
        <p:nvSpPr>
          <p:cNvPr id="3" name="Content Placeholder 2">
            <a:extLst>
              <a:ext uri="{FF2B5EF4-FFF2-40B4-BE49-F238E27FC236}">
                <a16:creationId xmlns:a16="http://schemas.microsoft.com/office/drawing/2014/main" id="{53136A36-EC86-2744-9B4A-A5AF2170210B}"/>
              </a:ext>
            </a:extLst>
          </p:cNvPr>
          <p:cNvSpPr>
            <a:spLocks noGrp="1"/>
          </p:cNvSpPr>
          <p:nvPr>
            <p:ph sz="half" idx="1"/>
          </p:nvPr>
        </p:nvSpPr>
        <p:spPr/>
        <p:txBody>
          <a:bodyPr/>
          <a:lstStyle/>
          <a:p>
            <a:endParaRPr lang="en-US" dirty="0"/>
          </a:p>
        </p:txBody>
      </p:sp>
      <p:sp>
        <p:nvSpPr>
          <p:cNvPr id="4" name="Picture Placeholder 3">
            <a:extLst>
              <a:ext uri="{FF2B5EF4-FFF2-40B4-BE49-F238E27FC236}">
                <a16:creationId xmlns:a16="http://schemas.microsoft.com/office/drawing/2014/main" id="{2931DCC7-D7EB-214B-86A7-5194BE5A4B8E}"/>
              </a:ext>
            </a:extLst>
          </p:cNvPr>
          <p:cNvSpPr>
            <a:spLocks noGrp="1"/>
          </p:cNvSpPr>
          <p:nvPr>
            <p:ph type="pic" sz="quarter" idx="15"/>
          </p:nvPr>
        </p:nvSpPr>
        <p:spPr/>
      </p:sp>
      <p:sp>
        <p:nvSpPr>
          <p:cNvPr id="5" name="Text Placeholder 4">
            <a:extLst>
              <a:ext uri="{FF2B5EF4-FFF2-40B4-BE49-F238E27FC236}">
                <a16:creationId xmlns:a16="http://schemas.microsoft.com/office/drawing/2014/main" id="{ABCF7AE2-E8C6-924C-8AC4-153096E75E87}"/>
              </a:ext>
            </a:extLst>
          </p:cNvPr>
          <p:cNvSpPr>
            <a:spLocks noGrp="1"/>
          </p:cNvSpPr>
          <p:nvPr>
            <p:ph type="body" sz="quarter" idx="16"/>
          </p:nvPr>
        </p:nvSpPr>
        <p:spPr/>
        <p:txBody>
          <a:bodyPr/>
          <a:lstStyle/>
          <a:p>
            <a:endParaRPr lang="en-US" dirty="0"/>
          </a:p>
        </p:txBody>
      </p:sp>
      <p:sp>
        <p:nvSpPr>
          <p:cNvPr id="6" name="Text Placeholder 5">
            <a:extLst>
              <a:ext uri="{FF2B5EF4-FFF2-40B4-BE49-F238E27FC236}">
                <a16:creationId xmlns:a16="http://schemas.microsoft.com/office/drawing/2014/main" id="{6C1549AE-E573-784E-8445-E2B08D7F963C}"/>
              </a:ext>
            </a:extLst>
          </p:cNvPr>
          <p:cNvSpPr>
            <a:spLocks noGrp="1"/>
          </p:cNvSpPr>
          <p:nvPr>
            <p:ph type="body" sz="quarter" idx="17"/>
          </p:nvPr>
        </p:nvSpPr>
        <p:spPr/>
        <p:txBody>
          <a:bodyPr/>
          <a:lstStyle/>
          <a:p>
            <a:endParaRPr lang="en-US" dirty="0"/>
          </a:p>
        </p:txBody>
      </p:sp>
      <p:sp>
        <p:nvSpPr>
          <p:cNvPr id="7" name="Slide Number Placeholder 6">
            <a:extLst>
              <a:ext uri="{FF2B5EF4-FFF2-40B4-BE49-F238E27FC236}">
                <a16:creationId xmlns:a16="http://schemas.microsoft.com/office/drawing/2014/main" id="{A4520800-1CB1-DA44-BBAD-9E4805FF8F02}"/>
              </a:ext>
            </a:extLst>
          </p:cNvPr>
          <p:cNvSpPr>
            <a:spLocks noGrp="1"/>
          </p:cNvSpPr>
          <p:nvPr>
            <p:ph type="sldNum" sz="quarter" idx="12"/>
          </p:nvPr>
        </p:nvSpPr>
        <p:spPr/>
        <p:txBody>
          <a:bodyPr/>
          <a:lstStyle/>
          <a:p>
            <a:fld id="{24C8C45C-947F-4981-8B3F-4F32E973C901}" type="slidenum">
              <a:rPr lang="en-GB" smtClean="0"/>
              <a:pPr/>
              <a:t>6</a:t>
            </a:fld>
            <a:endParaRPr lang="en-GB" dirty="0"/>
          </a:p>
        </p:txBody>
      </p:sp>
      <p:sp>
        <p:nvSpPr>
          <p:cNvPr id="8" name="Text Placeholder 7">
            <a:extLst>
              <a:ext uri="{FF2B5EF4-FFF2-40B4-BE49-F238E27FC236}">
                <a16:creationId xmlns:a16="http://schemas.microsoft.com/office/drawing/2014/main" id="{46DA49BD-94D1-8F46-8FF2-6917313C9911}"/>
              </a:ext>
            </a:extLst>
          </p:cNvPr>
          <p:cNvSpPr>
            <a:spLocks noGrp="1"/>
          </p:cNvSpPr>
          <p:nvPr>
            <p:ph type="body" sz="quarter" idx="18"/>
          </p:nvPr>
        </p:nvSpPr>
        <p:spPr/>
        <p:txBody>
          <a:bodyPr/>
          <a:lstStyle/>
          <a:p>
            <a:endParaRPr lang="en-US" dirty="0"/>
          </a:p>
        </p:txBody>
      </p:sp>
      <p:pic>
        <p:nvPicPr>
          <p:cNvPr id="9" name="Picture 8">
            <a:extLst>
              <a:ext uri="{FF2B5EF4-FFF2-40B4-BE49-F238E27FC236}">
                <a16:creationId xmlns:a16="http://schemas.microsoft.com/office/drawing/2014/main" id="{DC3287A8-A37A-4DC0-8FC8-12B3F5BB98BB}"/>
              </a:ext>
            </a:extLst>
          </p:cNvPr>
          <p:cNvPicPr>
            <a:picLocks noChangeAspect="1"/>
          </p:cNvPicPr>
          <p:nvPr/>
        </p:nvPicPr>
        <p:blipFill rotWithShape="1">
          <a:blip r:embed="rId6">
            <a:extLst>
              <a:ext uri="{28A0092B-C50C-407E-A947-70E740481C1C}">
                <a14:useLocalDpi xmlns:a14="http://schemas.microsoft.com/office/drawing/2010/main" val="0"/>
              </a:ext>
            </a:extLst>
          </a:blip>
          <a:srcRect/>
          <a:stretch/>
        </p:blipFill>
        <p:spPr>
          <a:xfrm>
            <a:off x="0" y="-733841"/>
            <a:ext cx="12269755" cy="7591841"/>
          </a:xfrm>
          <a:prstGeom prst="rect">
            <a:avLst/>
          </a:prstGeom>
        </p:spPr>
      </p:pic>
      <p:sp>
        <p:nvSpPr>
          <p:cNvPr id="10" name="Title 1">
            <a:extLst>
              <a:ext uri="{FF2B5EF4-FFF2-40B4-BE49-F238E27FC236}">
                <a16:creationId xmlns:a16="http://schemas.microsoft.com/office/drawing/2014/main" id="{5F258821-6010-4217-A3ED-2CC73D921E4A}"/>
              </a:ext>
            </a:extLst>
          </p:cNvPr>
          <p:cNvSpPr txBox="1">
            <a:spLocks/>
          </p:cNvSpPr>
          <p:nvPr/>
        </p:nvSpPr>
        <p:spPr>
          <a:xfrm>
            <a:off x="476415" y="590646"/>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solidFill>
                  <a:schemeClr val="tx1"/>
                </a:solidFill>
              </a:rPr>
              <a:t>Terrestrial Fauna</a:t>
            </a:r>
          </a:p>
        </p:txBody>
      </p:sp>
      <p:pic>
        <p:nvPicPr>
          <p:cNvPr id="11" name="Recorded Sound">
            <a:hlinkClick r:id="" action="ppaction://media"/>
            <a:extLst>
              <a:ext uri="{FF2B5EF4-FFF2-40B4-BE49-F238E27FC236}">
                <a16:creationId xmlns:a16="http://schemas.microsoft.com/office/drawing/2014/main" id="{1DA3E063-54FD-466D-BF6D-D18FF99A2138}"/>
              </a:ext>
            </a:extLst>
          </p:cNvPr>
          <p:cNvPicPr>
            <a:picLocks noChangeAspect="1"/>
          </p:cNvPicPr>
          <p:nvPr>
            <a:audioFile r:link="rId2"/>
            <p:extLst>
              <p:ext uri="{DAA4B4D4-6D71-4841-9C94-3DE7FCFB9230}">
                <p14:media xmlns:p14="http://schemas.microsoft.com/office/powerpoint/2010/main" r:embed="rId3">
                  <p14:trim end="283784.4036"/>
                </p14:media>
              </p:ext>
            </p:extLst>
          </p:nvPr>
        </p:nvPicPr>
        <p:blipFill>
          <a:blip r:embed="rId7"/>
          <a:stretch>
            <a:fillRect/>
          </a:stretch>
        </p:blipFill>
        <p:spPr>
          <a:xfrm>
            <a:off x="5791200" y="3124200"/>
            <a:ext cx="609600" cy="609600"/>
          </a:xfrm>
          <a:prstGeom prst="rect">
            <a:avLst/>
          </a:prstGeom>
        </p:spPr>
      </p:pic>
    </p:spTree>
    <p:custDataLst>
      <p:tags r:id="rId1"/>
    </p:custDataLst>
    <p:extLst>
      <p:ext uri="{BB962C8B-B14F-4D97-AF65-F5344CB8AC3E}">
        <p14:creationId xmlns:p14="http://schemas.microsoft.com/office/powerpoint/2010/main" val="3521174911"/>
      </p:ext>
    </p:extLst>
  </p:cSld>
  <p:clrMapOvr>
    <a:masterClrMapping/>
  </p:clrMapOvr>
  <mc:AlternateContent xmlns:mc="http://schemas.openxmlformats.org/markup-compatibility/2006" xmlns:p14="http://schemas.microsoft.com/office/powerpoint/2010/main">
    <mc:Choice Requires="p14">
      <p:transition spd="slow" p14:dur="2000" advClick="0" advTm="87000"/>
    </mc:Choice>
    <mc:Fallback xmlns="">
      <p:transition spd="slow" advClick="0" advTm="870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86568" fill="hold"/>
                                        <p:tgtEl>
                                          <p:spTgt spid="11"/>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11"/>
                </p:tgtEl>
              </p:cMediaNode>
            </p:audio>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2ED89EC-8047-9343-82CC-072345618727}"/>
              </a:ext>
            </a:extLst>
          </p:cNvPr>
          <p:cNvSpPr>
            <a:spLocks noGrp="1"/>
          </p:cNvSpPr>
          <p:nvPr>
            <p:ph sz="half" idx="1"/>
          </p:nvPr>
        </p:nvSpPr>
        <p:spPr>
          <a:xfrm>
            <a:off x="476415" y="718532"/>
            <a:ext cx="11280611" cy="1284822"/>
          </a:xfrm>
        </p:spPr>
        <p:txBody>
          <a:bodyPr/>
          <a:lstStyle/>
          <a:p>
            <a:r>
              <a:rPr lang="en-US" sz="2000" dirty="0"/>
              <a:t>Assesses the coastal processes potentially affecting the FMP project area over a 100-year planning period in accordance with SPP 2.6 requirements</a:t>
            </a:r>
          </a:p>
          <a:p>
            <a:r>
              <a:rPr lang="en-US" sz="2000" dirty="0"/>
              <a:t>Identified coastal processes allowance lines to inform potential coastal hazard risk over the 100-year planning period</a:t>
            </a:r>
          </a:p>
          <a:p>
            <a:endParaRPr lang="en-US" sz="2400" dirty="0"/>
          </a:p>
          <a:p>
            <a:endParaRPr lang="en-US" sz="2400" dirty="0"/>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fld id="{24C8C45C-947F-4981-8B3F-4F32E973C901}" type="slidenum">
              <a:rPr lang="en-GB" smtClean="0"/>
              <a:t>7</a:t>
            </a:fld>
            <a:endParaRPr lang="en-GB" dirty="0"/>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Emu Beach</a:t>
            </a:r>
          </a:p>
          <a:p>
            <a:r>
              <a:rPr lang="en-US" sz="800" dirty="0">
                <a:solidFill>
                  <a:srgbClr val="5F6369"/>
                </a:solidFill>
              </a:rPr>
              <a:t>Foreshore Management Plan</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2" name="Content Placeholder 2">
            <a:extLst>
              <a:ext uri="{FF2B5EF4-FFF2-40B4-BE49-F238E27FC236}">
                <a16:creationId xmlns:a16="http://schemas.microsoft.com/office/drawing/2014/main" id="{00D0B61B-A42A-4ECE-9EC5-B5613969E841}"/>
              </a:ext>
            </a:extLst>
          </p:cNvPr>
          <p:cNvSpPr txBox="1">
            <a:spLocks/>
          </p:cNvSpPr>
          <p:nvPr/>
        </p:nvSpPr>
        <p:spPr>
          <a:xfrm>
            <a:off x="6545580" y="2088000"/>
            <a:ext cx="5211446" cy="3525400"/>
          </a:xfrm>
          <a:prstGeom prst="rect">
            <a:avLst/>
          </a:prstGeom>
        </p:spPr>
        <p:txBody>
          <a:bodyPr vert="horz" lIns="0" tIns="0" rIns="0" bIns="0" rtlCol="0">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endParaRPr lang="en-US" dirty="0"/>
          </a:p>
          <a:p>
            <a:endParaRPr lang="en-US" dirty="0"/>
          </a:p>
        </p:txBody>
      </p:sp>
      <p:pic>
        <p:nvPicPr>
          <p:cNvPr id="2" name="Picture 1">
            <a:extLst>
              <a:ext uri="{FF2B5EF4-FFF2-40B4-BE49-F238E27FC236}">
                <a16:creationId xmlns:a16="http://schemas.microsoft.com/office/drawing/2014/main" id="{C076AC86-0260-4B2C-93D5-2D473989902F}"/>
              </a:ext>
            </a:extLst>
          </p:cNvPr>
          <p:cNvPicPr>
            <a:picLocks noChangeAspect="1"/>
          </p:cNvPicPr>
          <p:nvPr/>
        </p:nvPicPr>
        <p:blipFill>
          <a:blip r:embed="rId7" cstate="hqprint">
            <a:extLst>
              <a:ext uri="{28A0092B-C50C-407E-A947-70E740481C1C}">
                <a14:useLocalDpi xmlns:a14="http://schemas.microsoft.com/office/drawing/2010/main" val="0"/>
              </a:ext>
            </a:extLst>
          </a:blip>
          <a:srcRect/>
          <a:stretch/>
        </p:blipFill>
        <p:spPr>
          <a:xfrm>
            <a:off x="447757" y="2672383"/>
            <a:ext cx="5586683" cy="3191011"/>
          </a:xfrm>
          <a:prstGeom prst="rect">
            <a:avLst/>
          </a:prstGeom>
        </p:spPr>
      </p:pic>
      <p:pic>
        <p:nvPicPr>
          <p:cNvPr id="13" name="Picture 12">
            <a:extLst>
              <a:ext uri="{FF2B5EF4-FFF2-40B4-BE49-F238E27FC236}">
                <a16:creationId xmlns:a16="http://schemas.microsoft.com/office/drawing/2014/main" id="{834A5AF5-DA3A-48A1-BD3A-687DBB5E98C7}"/>
              </a:ext>
            </a:extLst>
          </p:cNvPr>
          <p:cNvPicPr/>
          <p:nvPr/>
        </p:nvPicPr>
        <p:blipFill>
          <a:blip r:embed="rId8" cstate="hqprint">
            <a:extLst>
              <a:ext uri="{28A0092B-C50C-407E-A947-70E740481C1C}">
                <a14:useLocalDpi xmlns:a14="http://schemas.microsoft.com/office/drawing/2010/main" val="0"/>
              </a:ext>
            </a:extLst>
          </a:blip>
          <a:srcRect/>
          <a:stretch/>
        </p:blipFill>
        <p:spPr bwMode="auto">
          <a:xfrm>
            <a:off x="6399101" y="2670630"/>
            <a:ext cx="5502613" cy="3145770"/>
          </a:xfrm>
          <a:prstGeom prst="rect">
            <a:avLst/>
          </a:prstGeom>
          <a:noFill/>
          <a:ln>
            <a:noFill/>
          </a:ln>
        </p:spPr>
      </p:pic>
      <p:sp>
        <p:nvSpPr>
          <p:cNvPr id="11" name="Title 1">
            <a:extLst>
              <a:ext uri="{FF2B5EF4-FFF2-40B4-BE49-F238E27FC236}">
                <a16:creationId xmlns:a16="http://schemas.microsoft.com/office/drawing/2014/main" id="{48728452-EE2B-4C05-8C59-229B12D48022}"/>
              </a:ext>
            </a:extLst>
          </p:cNvPr>
          <p:cNvSpPr txBox="1">
            <a:spLocks/>
          </p:cNvSpPr>
          <p:nvPr/>
        </p:nvSpPr>
        <p:spPr>
          <a:xfrm>
            <a:off x="373112" y="87861"/>
            <a:ext cx="10814292"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Coastal Hazard Risk Management and </a:t>
            </a:r>
            <a:r>
              <a:rPr lang="en-US" sz="2000"/>
              <a:t>Adaption Plan </a:t>
            </a:r>
            <a:r>
              <a:rPr lang="en-US" sz="2000" dirty="0"/>
              <a:t>(CHRMAP)</a:t>
            </a:r>
          </a:p>
        </p:txBody>
      </p:sp>
      <p:pic>
        <p:nvPicPr>
          <p:cNvPr id="10" name="Recorded Sound">
            <a:hlinkClick r:id="" action="ppaction://media"/>
            <a:extLst>
              <a:ext uri="{FF2B5EF4-FFF2-40B4-BE49-F238E27FC236}">
                <a16:creationId xmlns:a16="http://schemas.microsoft.com/office/drawing/2014/main" id="{E5FEF9BF-2540-440C-BCBB-E4D1ECBBFC44}"/>
              </a:ext>
            </a:extLst>
          </p:cNvPr>
          <p:cNvPicPr>
            <a:picLocks noChangeAspect="1"/>
          </p:cNvPicPr>
          <p:nvPr>
            <a:audioFile r:link="rId3"/>
            <p:extLst>
              <p:ext uri="{DAA4B4D4-6D71-4841-9C94-3DE7FCFB9230}">
                <p14:media xmlns:p14="http://schemas.microsoft.com/office/powerpoint/2010/main" r:embed="rId2"/>
              </p:ext>
            </p:extLst>
          </p:nvPr>
        </p:nvPicPr>
        <p:blipFill>
          <a:blip r:embed="rId9"/>
          <a:stretch>
            <a:fillRect/>
          </a:stretch>
        </p:blipFill>
        <p:spPr>
          <a:xfrm>
            <a:off x="5791200" y="3124200"/>
            <a:ext cx="609600" cy="609600"/>
          </a:xfrm>
          <a:prstGeom prst="rect">
            <a:avLst/>
          </a:prstGeom>
        </p:spPr>
      </p:pic>
    </p:spTree>
    <p:custDataLst>
      <p:tags r:id="rId1"/>
    </p:custDataLst>
    <p:extLst>
      <p:ext uri="{BB962C8B-B14F-4D97-AF65-F5344CB8AC3E}">
        <p14:creationId xmlns:p14="http://schemas.microsoft.com/office/powerpoint/2010/main" val="2288171266"/>
      </p:ext>
    </p:extLst>
  </p:cSld>
  <p:clrMapOvr>
    <a:masterClrMapping/>
  </p:clrMapOvr>
  <mc:AlternateContent xmlns:mc="http://schemas.openxmlformats.org/markup-compatibility/2006" xmlns:p14="http://schemas.microsoft.com/office/powerpoint/2010/main">
    <mc:Choice Requires="p14">
      <p:transition spd="slow" p14:dur="2000" advClick="0" advTm="138400"/>
    </mc:Choice>
    <mc:Fallback xmlns="">
      <p:transition spd="slow" advClick="0" advTm="1384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37959" fill="hold"/>
                                        <p:tgtEl>
                                          <p:spTgt spid="10"/>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10"/>
                </p:tgtEl>
              </p:cMediaNode>
            </p:audi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827185751640014"/>
</p:tagLst>
</file>

<file path=ppt/tags/tag2.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ags/tag3.xml><?xml version="1.0" encoding="utf-8"?>
<p:tagLst xmlns:a="http://schemas.openxmlformats.org/drawingml/2006/main" xmlns:r="http://schemas.openxmlformats.org/officeDocument/2006/relationships" xmlns:p="http://schemas.openxmlformats.org/presentationml/2006/main">
  <p:tag name="TEMPLAFYSLIDEID" val="636856163183556042"/>
</p:tagLst>
</file>

<file path=ppt/tags/tag4.xml><?xml version="1.0" encoding="utf-8"?>
<p:tagLst xmlns:a="http://schemas.openxmlformats.org/drawingml/2006/main" xmlns:r="http://schemas.openxmlformats.org/officeDocument/2006/relationships" xmlns:p="http://schemas.openxmlformats.org/presentationml/2006/main">
  <p:tag name="TEMPLAFYSLIDEID" val="636856163183556042"/>
</p:tagLst>
</file>

<file path=ppt/tags/tag5.xml><?xml version="1.0" encoding="utf-8"?>
<p:tagLst xmlns:a="http://schemas.openxmlformats.org/drawingml/2006/main" xmlns:r="http://schemas.openxmlformats.org/officeDocument/2006/relationships" xmlns:p="http://schemas.openxmlformats.org/presentationml/2006/main">
  <p:tag name="TEMPLAFYSLIDEID" val="636856163183556043"/>
</p:tagLst>
</file>

<file path=ppt/tags/tag6.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heme/theme1.xml><?xml version="1.0" encoding="utf-8"?>
<a:theme xmlns:a="http://schemas.openxmlformats.org/drawingml/2006/main" name="Blank">
  <a:themeElements>
    <a:clrScheme name="RPS Group">
      <a:dk1>
        <a:sysClr val="windowText" lastClr="000000"/>
      </a:dk1>
      <a:lt1>
        <a:sysClr val="window" lastClr="FFFFFF"/>
      </a:lt1>
      <a:dk2>
        <a:srgbClr val="5F6369"/>
      </a:dk2>
      <a:lt2>
        <a:srgbClr val="BEB7B3"/>
      </a:lt2>
      <a:accent1>
        <a:srgbClr val="4B2884"/>
      </a:accent1>
      <a:accent2>
        <a:srgbClr val="00B18F"/>
      </a:accent2>
      <a:accent3>
        <a:srgbClr val="64CBE8"/>
      </a:accent3>
      <a:accent4>
        <a:srgbClr val="00437B"/>
      </a:accent4>
      <a:accent5>
        <a:srgbClr val="F9C606"/>
      </a:accent5>
      <a:accent6>
        <a:srgbClr val="C4D82E"/>
      </a:accent6>
      <a:hlink>
        <a:srgbClr val="00437B"/>
      </a:hlink>
      <a:folHlink>
        <a:srgbClr val="71004B"/>
      </a:folHlink>
    </a:clrScheme>
    <a:fontScheme name="RPS">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400" dirty="0" err="1" smtClean="0"/>
        </a:defPPr>
      </a:lstStyle>
    </a:txDef>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RPS Corporate Presentation (16_9).pptx" id="{0B38221B-BB0A-4DC5-AFF1-D906B7B838CE}" vid="{DB108C01-6687-459B-A356-464DE4E40D30}"/>
    </a:ext>
  </a:extLst>
</a:theme>
</file>

<file path=ppt/theme/theme2.xml><?xml version="1.0" encoding="utf-8"?>
<a:theme xmlns:a="http://schemas.openxmlformats.org/drawingml/2006/main" name="Office-tema">
  <a:themeElements>
    <a:clrScheme name="Kontor">
      <a:dk1>
        <a:srgbClr val="000000"/>
      </a:dk1>
      <a:lt1>
        <a:srgbClr val="FFFFFF"/>
      </a:lt1>
      <a:dk2>
        <a:srgbClr val="99999A"/>
      </a:dk2>
      <a:lt2>
        <a:srgbClr val="FFFFFF"/>
      </a:lt2>
      <a:accent1>
        <a:srgbClr val="FF4C00"/>
      </a:accent1>
      <a:accent2>
        <a:srgbClr val="3333CC"/>
      </a:accent2>
      <a:accent3>
        <a:srgbClr val="00A48C"/>
      </a:accent3>
      <a:accent4>
        <a:srgbClr val="68C1C4"/>
      </a:accent4>
      <a:accent5>
        <a:srgbClr val="99999A"/>
      </a:accent5>
      <a:accent6>
        <a:srgbClr val="C7B9AC"/>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99999A"/>
      </a:dk2>
      <a:lt2>
        <a:srgbClr val="FFFFFF"/>
      </a:lt2>
      <a:accent1>
        <a:srgbClr val="FF4C00"/>
      </a:accent1>
      <a:accent2>
        <a:srgbClr val="3333CC"/>
      </a:accent2>
      <a:accent3>
        <a:srgbClr val="00A48C"/>
      </a:accent3>
      <a:accent4>
        <a:srgbClr val="68C1C4"/>
      </a:accent4>
      <a:accent5>
        <a:srgbClr val="99999A"/>
      </a:accent5>
      <a:accent6>
        <a:srgbClr val="C7B9AC"/>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E9A31F23-34F0-3F43-9800-FF2DC8BF46DA}">
  <we:reference id="wa104380278" version="1.0.0.6" store="en-US"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AA180CDFB51D644291278DA9A0A9F6E2" ma:contentTypeVersion="8" ma:contentTypeDescription="Create a new document." ma:contentTypeScope="" ma:versionID="2fefd3a0ea41d848136c874d53e24089">
  <xsd:schema xmlns:xsd="http://www.w3.org/2001/XMLSchema" xmlns:xs="http://www.w3.org/2001/XMLSchema" xmlns:p="http://schemas.microsoft.com/office/2006/metadata/properties" xmlns:ns2="4c7f5698-2a75-412f-917d-b68dfc2240a6" targetNamespace="http://schemas.microsoft.com/office/2006/metadata/properties" ma:root="true" ma:fieldsID="2a9b8783533cc3ef420554f84ab3d2b4" ns2:_="">
    <xsd:import namespace="4c7f5698-2a75-412f-917d-b68dfc2240a6"/>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c7f5698-2a75-412f-917d-b68dfc2240a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9AAF5C69-29EA-4DDA-A8D5-953EBC84CF02}">
  <ds:schemaRef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4c7f5698-2a75-412f-917d-b68dfc2240a6"/>
    <ds:schemaRef ds:uri="http://www.w3.org/XML/1998/namespace"/>
    <ds:schemaRef ds:uri="http://purl.org/dc/dcmitype/"/>
  </ds:schemaRefs>
</ds:datastoreItem>
</file>

<file path=customXml/itemProps2.xml><?xml version="1.0" encoding="utf-8"?>
<ds:datastoreItem xmlns:ds="http://schemas.openxmlformats.org/officeDocument/2006/customXml" ds:itemID="{A30FFD8E-706D-440D-A842-A1F50A27158F}">
  <ds:schemaRefs>
    <ds:schemaRef ds:uri="http://schemas.microsoft.com/sharepoint/v3/contenttype/forms"/>
  </ds:schemaRefs>
</ds:datastoreItem>
</file>

<file path=customXml/itemProps3.xml><?xml version="1.0" encoding="utf-8"?>
<ds:datastoreItem xmlns:ds="http://schemas.openxmlformats.org/officeDocument/2006/customXml" ds:itemID="{3C0F5918-0ECD-4206-9095-4BB5C2462AF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c7f5698-2a75-412f-917d-b68dfc2240a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341</Words>
  <Application>Microsoft Office PowerPoint</Application>
  <PresentationFormat>Widescreen</PresentationFormat>
  <Paragraphs>62</Paragraphs>
  <Slides>7</Slides>
  <Notes>7</Notes>
  <HiddenSlides>0</HiddenSlides>
  <MMClips>7</MMClips>
  <ScaleCrop>false</ScaleCrop>
  <HeadingPairs>
    <vt:vector size="6" baseType="variant">
      <vt:variant>
        <vt:lpstr>Fonts Used</vt:lpstr>
      </vt:variant>
      <vt:variant>
        <vt:i4>1</vt:i4>
      </vt:variant>
      <vt:variant>
        <vt:lpstr>Theme</vt:lpstr>
      </vt:variant>
      <vt:variant>
        <vt:i4>1</vt:i4>
      </vt:variant>
      <vt:variant>
        <vt:lpstr>Slide Titles</vt:lpstr>
      </vt:variant>
      <vt:variant>
        <vt:i4>7</vt:i4>
      </vt:variant>
    </vt:vector>
  </HeadingPairs>
  <TitlesOfParts>
    <vt:vector size="9" baseType="lpstr">
      <vt:lpstr>Arial</vt:lpstr>
      <vt:lpstr>Blank</vt:lpstr>
      <vt:lpstr>Emu Beach</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reshore Management Plan</dc:title>
  <dc:creator/>
  <cp:lastModifiedBy/>
  <cp:revision>1450</cp:revision>
  <dcterms:created xsi:type="dcterms:W3CDTF">2020-02-20T01:02:12Z</dcterms:created>
  <dcterms:modified xsi:type="dcterms:W3CDTF">2021-06-14T07:53: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ContentTypeId">
    <vt:lpwstr>0x010100AA180CDFB51D644291278DA9A0A9F6E2</vt:lpwstr>
  </property>
  <property fmtid="{D5CDD505-2E9C-101B-9397-08002B2CF9AE}" pid="4" name="TemplafyTimeStamp">
    <vt:lpwstr>2019-02-13T00:58:32.3737645Z</vt:lpwstr>
  </property>
</Properties>
</file>